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7"/>
  </p:notesMasterIdLst>
  <p:handoutMasterIdLst>
    <p:handoutMasterId r:id="rId8"/>
  </p:handoutMasterIdLst>
  <p:sldIdLst>
    <p:sldId id="353" r:id="rId2"/>
    <p:sldId id="354" r:id="rId3"/>
    <p:sldId id="355" r:id="rId4"/>
    <p:sldId id="356" r:id="rId5"/>
    <p:sldId id="357" r:id="rId6"/>
  </p:sldIdLst>
  <p:sldSz cx="9144000" cy="6858000" type="screen4x3"/>
  <p:notesSz cx="6742113" cy="9872663"/>
  <p:custDataLst>
    <p:tags r:id="rId9"/>
  </p:custDataLst>
  <p:defaultTextStyle>
    <a:defPPr>
      <a:defRPr lang="ja-JP"/>
    </a:defPPr>
    <a:lvl1pPr marL="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09" userDrawn="1">
          <p15:clr>
            <a:srgbClr val="A4A3A4"/>
          </p15:clr>
        </p15:guide>
        <p15:guide id="2" pos="2124" userDrawn="1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learning_dev01" initials="l" lastIdx="4" clrIdx="0"/>
  <p:cmAuthor id="2" name="Human Science" initials="H" lastIdx="23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83BC5C"/>
    <a:srgbClr val="F8D827"/>
    <a:srgbClr val="99CCFF"/>
    <a:srgbClr val="BED090"/>
    <a:srgbClr val="B0D888"/>
    <a:srgbClr val="442CF4"/>
    <a:srgbClr val="2B95F5"/>
    <a:srgbClr val="F4862C"/>
    <a:srgbClr val="B0D58B"/>
    <a:srgbClr val="FFFF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0867" autoAdjust="0"/>
    <p:restoredTop sz="89866" autoAdjust="0"/>
  </p:normalViewPr>
  <p:slideViewPr>
    <p:cSldViewPr snapToGrid="0">
      <p:cViewPr>
        <p:scale>
          <a:sx n="66" d="100"/>
          <a:sy n="66" d="100"/>
        </p:scale>
        <p:origin x="2150" y="22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-31098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20" d="100"/>
        <a:sy n="120" d="100"/>
      </p:scale>
      <p:origin x="0" y="-1614"/>
    </p:cViewPr>
  </p:sorterViewPr>
  <p:notesViewPr>
    <p:cSldViewPr snapToGrid="0">
      <p:cViewPr varScale="1">
        <p:scale>
          <a:sx n="48" d="100"/>
          <a:sy n="48" d="100"/>
        </p:scale>
        <p:origin x="2430" y="54"/>
      </p:cViewPr>
      <p:guideLst>
        <p:guide orient="horz" pos="3109"/>
        <p:guide pos="212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tags" Target="tags/tag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sz="quarter" idx="1"/>
          </p:nvPr>
        </p:nvSpPr>
        <p:spPr>
          <a:xfrm>
            <a:off x="3819525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04841BC4-3255-4701-84DC-7BA76BD3BC38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フッター プレースホルダー 3"/>
          <p:cNvSpPr>
            <a:spLocks noGrp="1"/>
          </p:cNvSpPr>
          <p:nvPr>
            <p:ph type="ftr" sz="quarter" idx="2"/>
          </p:nvPr>
        </p:nvSpPr>
        <p:spPr>
          <a:xfrm>
            <a:off x="0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5" name="スライド番号プレースホルダー 4"/>
          <p:cNvSpPr>
            <a:spLocks noGrp="1"/>
          </p:cNvSpPr>
          <p:nvPr>
            <p:ph type="sldNum" sz="quarter" idx="3"/>
          </p:nvPr>
        </p:nvSpPr>
        <p:spPr>
          <a:xfrm>
            <a:off x="3819525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8811A537-B1DC-4DC8-8C68-2B4954D54BC9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3767560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idx="1"/>
          </p:nvPr>
        </p:nvSpPr>
        <p:spPr>
          <a:xfrm>
            <a:off x="3818971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957A1FB4-E895-4F2F-AE02-D5808EBC5EEE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スライド イメージ プレースホルダー 3"/>
          <p:cNvSpPr>
            <a:spLocks noGrp="1" noRot="1" noChangeAspect="1"/>
          </p:cNvSpPr>
          <p:nvPr>
            <p:ph type="sldImg" idx="2"/>
          </p:nvPr>
        </p:nvSpPr>
        <p:spPr>
          <a:xfrm>
            <a:off x="903288" y="739775"/>
            <a:ext cx="4935537" cy="3703638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31" tIns="45716" rIns="91431" bIns="45716" rtlCol="0" anchor="ctr"/>
          <a:lstStyle/>
          <a:p>
            <a:endParaRPr lang="ja-JP" altLang="en-US"/>
          </a:p>
        </p:txBody>
      </p:sp>
      <p:sp>
        <p:nvSpPr>
          <p:cNvPr id="5" name="ノート プレースホルダー 4"/>
          <p:cNvSpPr>
            <a:spLocks noGrp="1"/>
          </p:cNvSpPr>
          <p:nvPr>
            <p:ph type="body" sz="quarter" idx="3"/>
          </p:nvPr>
        </p:nvSpPr>
        <p:spPr>
          <a:xfrm>
            <a:off x="674212" y="4689515"/>
            <a:ext cx="5393690" cy="4442698"/>
          </a:xfrm>
          <a:prstGeom prst="rect">
            <a:avLst/>
          </a:prstGeom>
        </p:spPr>
        <p:txBody>
          <a:bodyPr vert="horz" lIns="91431" tIns="45716" rIns="91431" bIns="45716" rtlCol="0"/>
          <a:lstStyle/>
          <a:p>
            <a:pPr lvl="0"/>
            <a:r>
              <a:rPr kumimoji="1" lang="ja-JP" altLang="en-US"/>
              <a:t>マスター テキストの書式設定</a:t>
            </a:r>
          </a:p>
          <a:p>
            <a:pPr lvl="1"/>
            <a:r>
              <a:rPr kumimoji="1" lang="ja-JP" altLang="en-US"/>
              <a:t>第 </a:t>
            </a:r>
            <a:r>
              <a:rPr kumimoji="1" lang="en-US" altLang="ja-JP"/>
              <a:t>2 </a:t>
            </a:r>
            <a:r>
              <a:rPr kumimoji="1" lang="ja-JP" altLang="en-US"/>
              <a:t>レベル</a:t>
            </a:r>
          </a:p>
          <a:p>
            <a:pPr lvl="2"/>
            <a:r>
              <a:rPr kumimoji="1" lang="ja-JP" altLang="en-US"/>
              <a:t>第 </a:t>
            </a:r>
            <a:r>
              <a:rPr kumimoji="1" lang="en-US" altLang="ja-JP"/>
              <a:t>3 </a:t>
            </a:r>
            <a:r>
              <a:rPr kumimoji="1" lang="ja-JP" altLang="en-US"/>
              <a:t>レベル</a:t>
            </a:r>
          </a:p>
          <a:p>
            <a:pPr lvl="3"/>
            <a:r>
              <a:rPr kumimoji="1" lang="ja-JP" altLang="en-US"/>
              <a:t>第 </a:t>
            </a:r>
            <a:r>
              <a:rPr kumimoji="1" lang="en-US" altLang="ja-JP"/>
              <a:t>4 </a:t>
            </a:r>
            <a:r>
              <a:rPr kumimoji="1" lang="ja-JP" altLang="en-US"/>
              <a:t>レベル</a:t>
            </a:r>
          </a:p>
          <a:p>
            <a:pPr lvl="4"/>
            <a:r>
              <a:rPr kumimoji="1" lang="ja-JP" altLang="en-US"/>
              <a:t>第 </a:t>
            </a:r>
            <a:r>
              <a:rPr kumimoji="1" lang="en-US" altLang="ja-JP"/>
              <a:t>5 </a:t>
            </a:r>
            <a:r>
              <a:rPr kumimoji="1" lang="ja-JP" altLang="en-US"/>
              <a:t>レベル</a:t>
            </a:r>
          </a:p>
        </p:txBody>
      </p:sp>
      <p:sp>
        <p:nvSpPr>
          <p:cNvPr id="6" name="フッター プレースホルダー 5"/>
          <p:cNvSpPr>
            <a:spLocks noGrp="1"/>
          </p:cNvSpPr>
          <p:nvPr>
            <p:ph type="ftr" sz="quarter" idx="4"/>
          </p:nvPr>
        </p:nvSpPr>
        <p:spPr>
          <a:xfrm>
            <a:off x="0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7" name="スライド番号プレースホルダー 6"/>
          <p:cNvSpPr>
            <a:spLocks noGrp="1"/>
          </p:cNvSpPr>
          <p:nvPr>
            <p:ph type="sldNum" sz="quarter" idx="5"/>
          </p:nvPr>
        </p:nvSpPr>
        <p:spPr>
          <a:xfrm>
            <a:off x="3818971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3A2ADF00-AF12-48AC-B547-A09800EB06B8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9419904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  <p:notesStyle>
    <a:lvl1pPr marL="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111908014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406776880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268086159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351077833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317082664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1.wdp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2.wdp"/></Relationships>
</file>

<file path=ppt/slideLayouts/_rels/slideLayout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image" Target="../media/image7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11" Type="http://schemas.microsoft.com/office/2007/relationships/hdphoto" Target="../media/hdphoto4.wdp"/><Relationship Id="rId5" Type="http://schemas.microsoft.com/office/2007/relationships/hdphoto" Target="../media/hdphoto2.wdp"/><Relationship Id="rId10" Type="http://schemas.openxmlformats.org/officeDocument/2006/relationships/image" Target="../media/image9.png"/><Relationship Id="rId4" Type="http://schemas.openxmlformats.org/officeDocument/2006/relationships/image" Target="../media/image6.png"/><Relationship Id="rId9" Type="http://schemas.microsoft.com/office/2007/relationships/hdphoto" Target="../media/hdphoto3.wdp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タイトル スライド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ja-JP" altLang="en-US"/>
              <a:t>マスター サブタイトルの書式設定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7253016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67647047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タイトルの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1501352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白紙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91782904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タイトル付きの&#10;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6995406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タイトル付きの図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ja-JP" altLang="en-US"/>
              <a:t>図を追加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44237592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329030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縦書き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1062750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gradFill flip="none" rotWithShape="1">
            <a:gsLst>
              <a:gs pos="0">
                <a:srgbClr val="FFD1E1"/>
              </a:gs>
              <a:gs pos="74000">
                <a:srgbClr val="FFE5FF"/>
              </a:gs>
              <a:gs pos="100000">
                <a:schemeClr val="bg1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7613272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正方形/長方形 10"/>
          <p:cNvSpPr/>
          <p:nvPr userDrawn="1"/>
        </p:nvSpPr>
        <p:spPr>
          <a:xfrm>
            <a:off x="0" y="0"/>
            <a:ext cx="9144000" cy="6858000"/>
          </a:xfrm>
          <a:prstGeom prst="rect">
            <a:avLst/>
          </a:prstGeom>
          <a:gradFill flip="none" rotWithShape="1">
            <a:gsLst>
              <a:gs pos="0">
                <a:srgbClr val="A4BEF2"/>
              </a:gs>
              <a:gs pos="74000">
                <a:srgbClr val="B9E1FD"/>
              </a:gs>
              <a:gs pos="100000">
                <a:srgbClr val="E6EDF6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 dirty="0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83914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9"/>
          <p:cNvSpPr/>
          <p:nvPr userDrawn="1"/>
        </p:nvSpPr>
        <p:spPr>
          <a:xfrm>
            <a:off x="0" y="0"/>
            <a:ext cx="9144000" cy="6857999"/>
          </a:xfrm>
          <a:prstGeom prst="rect">
            <a:avLst/>
          </a:prstGeom>
          <a:gradFill flip="none" rotWithShape="1">
            <a:gsLst>
              <a:gs pos="100000">
                <a:schemeClr val="accent6">
                  <a:lumMod val="40000"/>
                  <a:lumOff val="60000"/>
                </a:schemeClr>
              </a:gs>
              <a:gs pos="50000">
                <a:schemeClr val="bg1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000" y="6492874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8021732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solidFill>
            <a:srgbClr val="FFD1E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9201165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698" r="26766" b="53451"/>
          <a:stretch/>
        </p:blipFill>
        <p:spPr bwMode="auto">
          <a:xfrm>
            <a:off x="0" y="1"/>
            <a:ext cx="914400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2" descr="C:\Users\user000\Desktop\ICTすだちくん（JPG）\正面.aiのコピー.jp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4619" b="89954" l="2920" r="95499">
                        <a14:foregroundMark x1="40633" y1="46189" x2="60827" y2="47806"/>
                        <a14:foregroundMark x1="31630" y1="65589" x2="32603" y2="70092"/>
                        <a14:foregroundMark x1="28589" y1="66397" x2="39659" y2="68014"/>
                        <a14:foregroundMark x1="33698" y1="74827" x2="33090" y2="61663"/>
                        <a14:foregroundMark x1="56569" y1="63164" x2="70438" y2="74134"/>
                        <a14:backgroundMark x1="28467" y1="63510" x2="29440" y2="64434"/>
                        <a14:backgroundMark x1="16910" y1="55312" x2="26642" y2="64896"/>
                        <a14:backgroundMark x1="18613" y1="55312" x2="26277" y2="63164"/>
                        <a14:backgroundMark x1="19708" y1="54734" x2="23114" y2="59238"/>
                        <a14:backgroundMark x1="23358" y1="60162" x2="27494" y2="63048"/>
                        <a14:backgroundMark x1="23601" y1="59815" x2="23601" y2="59815"/>
                        <a14:backgroundMark x1="23236" y1="59584" x2="24818" y2="61201"/>
                        <a14:backgroundMark x1="15693" y1="56928" x2="25182" y2="65012"/>
                        <a14:backgroundMark x1="14355" y1="59469" x2="25669" y2="65012"/>
                        <a14:backgroundMark x1="15572" y1="65358" x2="25304" y2="65473"/>
                        <a14:backgroundMark x1="17640" y1="69746" x2="26521" y2="68014"/>
                        <a14:backgroundMark x1="24331" y1="67667" x2="28467" y2="65012"/>
                        <a14:backgroundMark x1="27981" y1="65704" x2="25912" y2="71478"/>
                        <a14:backgroundMark x1="68005" y1="64781" x2="75791" y2="75520"/>
                        <a14:backgroundMark x1="67640" y1="64088" x2="76277" y2="61547"/>
                        <a14:backgroundMark x1="69221" y1="62356" x2="75061" y2="60970"/>
                        <a14:backgroundMark x1="69830" y1="61432" x2="74939" y2="58083"/>
                        <a14:backgroundMark x1="77981" y1="53002" x2="72993" y2="59700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9212" y="384092"/>
            <a:ext cx="4397976" cy="46334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正方形/長方形 8"/>
          <p:cNvSpPr/>
          <p:nvPr userDrawn="1"/>
        </p:nvSpPr>
        <p:spPr>
          <a:xfrm>
            <a:off x="882766" y="3152550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0" name="正方形/長方形 9"/>
          <p:cNvSpPr/>
          <p:nvPr userDrawn="1"/>
        </p:nvSpPr>
        <p:spPr>
          <a:xfrm>
            <a:off x="895136" y="3166953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2" name="円/楕円 11"/>
          <p:cNvSpPr/>
          <p:nvPr userDrawn="1"/>
        </p:nvSpPr>
        <p:spPr>
          <a:xfrm>
            <a:off x="2391446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円/楕円 15"/>
          <p:cNvSpPr/>
          <p:nvPr userDrawn="1"/>
        </p:nvSpPr>
        <p:spPr>
          <a:xfrm>
            <a:off x="6127118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5136" y="3429000"/>
            <a:ext cx="7313094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19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3755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61060154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0" y="1"/>
            <a:ext cx="9150349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" name="正方形/長方形 18"/>
          <p:cNvSpPr/>
          <p:nvPr userDrawn="1"/>
        </p:nvSpPr>
        <p:spPr>
          <a:xfrm>
            <a:off x="1564206" y="3453327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0" name="正方形/長方形 19"/>
          <p:cNvSpPr/>
          <p:nvPr userDrawn="1"/>
        </p:nvSpPr>
        <p:spPr>
          <a:xfrm>
            <a:off x="1576576" y="3467730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2" name="円/楕円 21"/>
          <p:cNvSpPr/>
          <p:nvPr userDrawn="1"/>
        </p:nvSpPr>
        <p:spPr>
          <a:xfrm>
            <a:off x="1343350" y="3849803"/>
            <a:ext cx="366576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75166" y="3751206"/>
            <a:ext cx="7202134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3755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04016959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1" y="1"/>
            <a:ext cx="906018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4" name="Picture 2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143" t="48627" r="36251"/>
          <a:stretch/>
        </p:blipFill>
        <p:spPr bwMode="auto">
          <a:xfrm rot="10800000">
            <a:off x="6640706" y="756827"/>
            <a:ext cx="2503293" cy="264582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正方形/長方形 10"/>
          <p:cNvSpPr/>
          <p:nvPr userDrawn="1"/>
        </p:nvSpPr>
        <p:spPr>
          <a:xfrm rot="-60000">
            <a:off x="6571055" y="754203"/>
            <a:ext cx="76311" cy="2659514"/>
          </a:xfrm>
          <a:prstGeom prst="rect">
            <a:avLst/>
          </a:prstGeom>
          <a:solidFill>
            <a:schemeClr val="bg1"/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正方形/長方形 19"/>
          <p:cNvSpPr/>
          <p:nvPr userDrawn="1"/>
        </p:nvSpPr>
        <p:spPr>
          <a:xfrm>
            <a:off x="1537632" y="3429000"/>
            <a:ext cx="7612718" cy="3429000"/>
          </a:xfrm>
          <a:prstGeom prst="rect">
            <a:avLst/>
          </a:prstGeom>
          <a:solidFill>
            <a:srgbClr val="FFFFFF"/>
          </a:solidFill>
          <a:ln w="88900"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841500" y="3751206"/>
            <a:ext cx="7035800" cy="2914424"/>
          </a:xfrm>
        </p:spPr>
        <p:txBody>
          <a:bodyPr anchor="ctr">
            <a:normAutofit/>
          </a:bodyPr>
          <a:lstStyle>
            <a:lvl1pPr algn="ctr">
              <a:lnSpc>
                <a:spcPts val="7200"/>
              </a:lnSpc>
              <a:defRPr kumimoji="1" lang="ja-JP" altLang="en-US" sz="5400" b="1" i="0" u="none" kern="1200" dirty="0" smtClean="0">
                <a:solidFill>
                  <a:schemeClr val="accent6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3755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  <p:grpSp>
        <p:nvGrpSpPr>
          <p:cNvPr id="32" name="グループ化 31"/>
          <p:cNvGrpSpPr/>
          <p:nvPr userDrawn="1"/>
        </p:nvGrpSpPr>
        <p:grpSpPr>
          <a:xfrm>
            <a:off x="1520288" y="3407832"/>
            <a:ext cx="7623712" cy="93426"/>
            <a:chOff x="1520288" y="3407832"/>
            <a:chExt cx="7623712" cy="93426"/>
          </a:xfrm>
        </p:grpSpPr>
        <p:cxnSp>
          <p:nvCxnSpPr>
            <p:cNvPr id="4" name="直線コネクタ 3"/>
            <p:cNvCxnSpPr/>
            <p:nvPr userDrawn="1"/>
          </p:nvCxnSpPr>
          <p:spPr>
            <a:xfrm flipV="1">
              <a:off x="1520288" y="3407832"/>
              <a:ext cx="7623712" cy="2116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9" name="直線コネクタ 28"/>
            <p:cNvCxnSpPr/>
            <p:nvPr userDrawn="1"/>
          </p:nvCxnSpPr>
          <p:spPr>
            <a:xfrm flipV="1">
              <a:off x="1601425" y="3480430"/>
              <a:ext cx="7542575" cy="2082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33" name="グループ化 32"/>
          <p:cNvGrpSpPr/>
          <p:nvPr userDrawn="1"/>
        </p:nvGrpSpPr>
        <p:grpSpPr>
          <a:xfrm rot="5400000" flipV="1">
            <a:off x="-171431" y="5093609"/>
            <a:ext cx="3452286" cy="93430"/>
            <a:chOff x="1520288" y="3407832"/>
            <a:chExt cx="8912595" cy="93430"/>
          </a:xfrm>
        </p:grpSpPr>
        <p:cxnSp>
          <p:nvCxnSpPr>
            <p:cNvPr id="34" name="直線コネクタ 33"/>
            <p:cNvCxnSpPr/>
            <p:nvPr userDrawn="1"/>
          </p:nvCxnSpPr>
          <p:spPr>
            <a:xfrm rot="5400000" flipH="1" flipV="1">
              <a:off x="5955072" y="-1026952"/>
              <a:ext cx="21168" cy="889073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5" name="直線コネクタ 34"/>
            <p:cNvCxnSpPr/>
            <p:nvPr userDrawn="1"/>
          </p:nvCxnSpPr>
          <p:spPr>
            <a:xfrm rot="5400000" flipH="1" flipV="1">
              <a:off x="6064905" y="-866716"/>
              <a:ext cx="24851" cy="8711105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2" name="円/楕円 21"/>
          <p:cNvSpPr/>
          <p:nvPr userDrawn="1"/>
        </p:nvSpPr>
        <p:spPr>
          <a:xfrm>
            <a:off x="1312572" y="3833136"/>
            <a:ext cx="385275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88900">
            <a:solidFill>
              <a:schemeClr val="tx1"/>
            </a:solidFill>
          </a:ln>
          <a:effectLst>
            <a:softEdge rad="12700"/>
          </a:effectLst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grpSp>
        <p:nvGrpSpPr>
          <p:cNvPr id="21" name="グループ化 20"/>
          <p:cNvGrpSpPr/>
          <p:nvPr userDrawn="1"/>
        </p:nvGrpSpPr>
        <p:grpSpPr>
          <a:xfrm rot="5400000">
            <a:off x="5284193" y="2027834"/>
            <a:ext cx="2626626" cy="139409"/>
            <a:chOff x="900523" y="3387507"/>
            <a:chExt cx="8243479" cy="139410"/>
          </a:xfrm>
        </p:grpSpPr>
        <p:cxnSp>
          <p:nvCxnSpPr>
            <p:cNvPr id="25" name="直線コネクタ 24"/>
            <p:cNvCxnSpPr/>
            <p:nvPr userDrawn="1"/>
          </p:nvCxnSpPr>
          <p:spPr>
            <a:xfrm rot="16200000">
              <a:off x="5002407" y="-714377"/>
              <a:ext cx="39711" cy="8243479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直線コネクタ 26"/>
            <p:cNvCxnSpPr/>
            <p:nvPr userDrawn="1"/>
          </p:nvCxnSpPr>
          <p:spPr>
            <a:xfrm rot="16200000">
              <a:off x="4999017" y="-618064"/>
              <a:ext cx="46487" cy="824347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0" name="正方形/長方形 9"/>
          <p:cNvSpPr/>
          <p:nvPr userDrawn="1"/>
        </p:nvSpPr>
        <p:spPr>
          <a:xfrm>
            <a:off x="6590296" y="3388519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30" name="正方形/長方形 29"/>
          <p:cNvSpPr/>
          <p:nvPr userDrawn="1"/>
        </p:nvSpPr>
        <p:spPr>
          <a:xfrm>
            <a:off x="6551045" y="733768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3075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417543" flipH="1">
            <a:off x="6803697" y="1289032"/>
            <a:ext cx="1996618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 rotWithShape="1"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-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r="77210"/>
          <a:stretch/>
        </p:blipFill>
        <p:spPr bwMode="auto">
          <a:xfrm>
            <a:off x="8688977" y="1251948"/>
            <a:ext cx="455023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782876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つ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84630758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553868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72" r:id="rId3"/>
    <p:sldLayoutId id="2147483673" r:id="rId4"/>
    <p:sldLayoutId id="2147483674" r:id="rId5"/>
    <p:sldLayoutId id="2147483663" r:id="rId6"/>
    <p:sldLayoutId id="2147483675" r:id="rId7"/>
    <p:sldLayoutId id="2147483676" r:id="rId8"/>
    <p:sldLayoutId id="2147483664" r:id="rId9"/>
    <p:sldLayoutId id="2147483665" r:id="rId10"/>
    <p:sldLayoutId id="2147483666" r:id="rId11"/>
    <p:sldLayoutId id="2147483667" r:id="rId12"/>
    <p:sldLayoutId id="2147483668" r:id="rId13"/>
    <p:sldLayoutId id="2147483669" r:id="rId14"/>
    <p:sldLayoutId id="2147483670" r:id="rId15"/>
    <p:sldLayoutId id="2147483671" r:id="rId1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kumimoji="1"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kumimoji="1"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8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4.png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.xml"/><Relationship Id="rId6" Type="http://schemas.openxmlformats.org/officeDocument/2006/relationships/image" Target="../media/image13.png"/><Relationship Id="rId5" Type="http://schemas.microsoft.com/office/2007/relationships/hdphoto" Target="../media/hdphoto5.wdp"/><Relationship Id="rId4" Type="http://schemas.openxmlformats.org/officeDocument/2006/relationships/image" Target="../media/image12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5.xml"/><Relationship Id="rId6" Type="http://schemas.openxmlformats.org/officeDocument/2006/relationships/image" Target="../media/image17.png"/><Relationship Id="rId5" Type="http://schemas.openxmlformats.org/officeDocument/2006/relationships/image" Target="../media/image16.png"/><Relationship Id="rId4" Type="http://schemas.openxmlformats.org/officeDocument/2006/relationships/image" Target="../media/image1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6.xml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タイトル 5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ja-JP" altLang="en-US" sz="4000" dirty="0"/>
              <a:t>だい</a:t>
            </a:r>
            <a:r>
              <a:rPr lang="en-US" altLang="ja-JP" sz="4000" dirty="0"/>
              <a:t>13</a:t>
            </a:r>
            <a:r>
              <a:rPr lang="ja-JP" altLang="en-US" sz="4000" dirty="0"/>
              <a:t>話</a:t>
            </a:r>
            <a:r>
              <a:rPr lang="en-US" altLang="ja-JP" sz="4000" dirty="0"/>
              <a:t> </a:t>
            </a:r>
            <a:br>
              <a:rPr lang="en-US" altLang="ja-JP" sz="4000" dirty="0"/>
            </a:br>
            <a:r>
              <a:rPr lang="ja-JP" altLang="en-US" dirty="0"/>
              <a:t>写真をアップ</a:t>
            </a:r>
            <a:br>
              <a:rPr lang="en-US" altLang="ja-JP" dirty="0"/>
            </a:br>
            <a:r>
              <a:rPr lang="ja-JP" altLang="en-US" dirty="0"/>
              <a:t>するときは</a:t>
            </a:r>
          </a:p>
        </p:txBody>
      </p:sp>
      <p:sp>
        <p:nvSpPr>
          <p:cNvPr id="3" name="テキスト プレースホルダー 2"/>
          <p:cNvSpPr>
            <a:spLocks noGrp="1"/>
          </p:cNvSpPr>
          <p:nvPr>
            <p:ph type="body" sz="quarter" idx="13"/>
          </p:nvPr>
        </p:nvSpPr>
        <p:spPr/>
        <p:txBody>
          <a:bodyPr/>
          <a:lstStyle/>
          <a:p>
            <a:r>
              <a:rPr lang="ja-JP" altLang="en-US" dirty="0"/>
              <a:t>情報モラル教育</a:t>
            </a:r>
          </a:p>
        </p:txBody>
      </p:sp>
      <p:sp>
        <p:nvSpPr>
          <p:cNvPr id="2" name="テキスト ボックス 1">
            <a:extLst>
              <a:ext uri="{FF2B5EF4-FFF2-40B4-BE49-F238E27FC236}">
                <a16:creationId xmlns:a16="http://schemas.microsoft.com/office/drawing/2014/main" id="{A73F104D-8B1C-9C3F-9595-AE958A55C6F5}"/>
              </a:ext>
            </a:extLst>
          </p:cNvPr>
          <p:cNvSpPr txBox="1"/>
          <p:nvPr/>
        </p:nvSpPr>
        <p:spPr>
          <a:xfrm>
            <a:off x="166663" y="2442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4FD890E1-FBF3-1647-CC7C-01D31A6021D7}"/>
              </a:ext>
            </a:extLst>
          </p:cNvPr>
          <p:cNvSpPr txBox="1"/>
          <p:nvPr/>
        </p:nvSpPr>
        <p:spPr>
          <a:xfrm>
            <a:off x="1693203" y="2442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ょういく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D9B25BCF-6DBD-6F26-58A0-5B6CD13E78C0}"/>
              </a:ext>
            </a:extLst>
          </p:cNvPr>
          <p:cNvSpPr txBox="1"/>
          <p:nvPr/>
        </p:nvSpPr>
        <p:spPr>
          <a:xfrm>
            <a:off x="3199925" y="4505861"/>
            <a:ext cx="164259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dirty="0">
                <a:solidFill>
                  <a:schemeClr val="accent6">
                    <a:lumMod val="7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しゃ　　しん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441C1973-967B-ADDA-057E-4D7968C6B162}"/>
              </a:ext>
            </a:extLst>
          </p:cNvPr>
          <p:cNvSpPr txBox="1"/>
          <p:nvPr/>
        </p:nvSpPr>
        <p:spPr>
          <a:xfrm>
            <a:off x="5798003" y="3744548"/>
            <a:ext cx="80249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dirty="0">
                <a:solidFill>
                  <a:schemeClr val="accent6">
                    <a:lumMod val="7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4279635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3.</a:t>
            </a:r>
            <a:r>
              <a:rPr lang="ja-JP" altLang="en-US" dirty="0"/>
              <a:t>写真をアップするときは</a:t>
            </a:r>
            <a:endParaRPr lang="ja-JP" altLang="en-US" dirty="0">
              <a:latin typeface="Meiryo UI" panose="020B0604030504040204" pitchFamily="50" charset="-128"/>
              <a:ea typeface="Meiryo UI" panose="020B0604030504040204" pitchFamily="50" charset="-128"/>
              <a:cs typeface="Meiryo UI" panose="020B0604030504040204" pitchFamily="50" charset="-128"/>
            </a:endParaRPr>
          </a:p>
        </p:txBody>
      </p:sp>
      <p:sp>
        <p:nvSpPr>
          <p:cNvPr id="3" name="テキスト ボックス 2"/>
          <p:cNvSpPr txBox="1"/>
          <p:nvPr/>
        </p:nvSpPr>
        <p:spPr>
          <a:xfrm>
            <a:off x="68348" y="1048261"/>
            <a:ext cx="9186487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美波さんは、お友達のナカちゃんとあそんだ日のことを、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写真つきでじぶんのブログに書きこみました。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</p:txBody>
      </p:sp>
      <p:sp>
        <p:nvSpPr>
          <p:cNvPr id="24" name="二等辺三角形 23"/>
          <p:cNvSpPr/>
          <p:nvPr/>
        </p:nvSpPr>
        <p:spPr>
          <a:xfrm rot="7385982">
            <a:off x="3549650" y="4432235"/>
            <a:ext cx="420342" cy="1248024"/>
          </a:xfrm>
          <a:prstGeom prst="triangle">
            <a:avLst>
              <a:gd name="adj" fmla="val 55101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sp>
        <p:nvSpPr>
          <p:cNvPr id="25" name="円/楕円 33"/>
          <p:cNvSpPr/>
          <p:nvPr/>
        </p:nvSpPr>
        <p:spPr>
          <a:xfrm>
            <a:off x="132496" y="2125221"/>
            <a:ext cx="3398632" cy="3398632"/>
          </a:xfrm>
          <a:prstGeom prst="ellipse">
            <a:avLst/>
          </a:prstGeom>
          <a:solidFill>
            <a:schemeClr val="bg1">
              <a:lumMod val="95000"/>
            </a:schemeClr>
          </a:solidFill>
          <a:ln w="76200" cmpd="thickThin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ja-JP" altLang="en-US"/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274030" y="6259757"/>
            <a:ext cx="2002972" cy="403644"/>
          </a:xfrm>
          <a:prstGeom prst="rect">
            <a:avLst/>
          </a:prstGeom>
          <a:solidFill>
            <a:srgbClr val="FFFFFF"/>
          </a:solidFill>
          <a:ln w="57150" cmpd="thickThin">
            <a:solidFill>
              <a:schemeClr val="accent6">
                <a:lumMod val="50000"/>
              </a:schemeClr>
            </a:solidFill>
          </a:ln>
        </p:spPr>
        <p:txBody>
          <a:bodyPr wrap="square" tIns="72000" rtlCol="0" anchor="ctr">
            <a:noAutofit/>
          </a:bodyPr>
          <a:lstStyle/>
          <a:p>
            <a:pPr algn="ctr"/>
            <a:r>
              <a:rPr kumimoji="1"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美波（みなみ）さん</a:t>
            </a:r>
          </a:p>
        </p:txBody>
      </p:sp>
      <p:pic>
        <p:nvPicPr>
          <p:cNvPr id="58" name="図 57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9562"/>
          <a:stretch/>
        </p:blipFill>
        <p:spPr>
          <a:xfrm>
            <a:off x="2687081" y="2450643"/>
            <a:ext cx="4873342" cy="4407357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18" name="グループ化 17"/>
          <p:cNvGrpSpPr/>
          <p:nvPr/>
        </p:nvGrpSpPr>
        <p:grpSpPr>
          <a:xfrm flipH="1">
            <a:off x="5562795" y="2018231"/>
            <a:ext cx="3581205" cy="2129298"/>
            <a:chOff x="2746319" y="4574925"/>
            <a:chExt cx="3581205" cy="2129298"/>
          </a:xfrm>
        </p:grpSpPr>
        <p:grpSp>
          <p:nvGrpSpPr>
            <p:cNvPr id="19" name="グループ化 18"/>
            <p:cNvGrpSpPr/>
            <p:nvPr/>
          </p:nvGrpSpPr>
          <p:grpSpPr>
            <a:xfrm>
              <a:off x="2872630" y="4574925"/>
              <a:ext cx="3454894" cy="2129298"/>
              <a:chOff x="345647" y="2320691"/>
              <a:chExt cx="3454894" cy="2129298"/>
            </a:xfrm>
            <a:solidFill>
              <a:srgbClr val="FFFFFF"/>
            </a:solidFill>
          </p:grpSpPr>
          <p:sp>
            <p:nvSpPr>
              <p:cNvPr id="21" name="円/楕円 40"/>
              <p:cNvSpPr/>
              <p:nvPr/>
            </p:nvSpPr>
            <p:spPr>
              <a:xfrm>
                <a:off x="3388565" y="4205234"/>
                <a:ext cx="183844" cy="171240"/>
              </a:xfrm>
              <a:prstGeom prst="ellipse">
                <a:avLst/>
              </a:prstGeom>
              <a:solidFill>
                <a:schemeClr val="bg1"/>
              </a:solidFill>
              <a:ln w="57150" cap="rnd">
                <a:solidFill>
                  <a:schemeClr val="accent2"/>
                </a:solidFill>
                <a:bevel/>
              </a:ln>
              <a:effectLst>
                <a:softEdge rad="3175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dirty="0"/>
              </a:p>
            </p:txBody>
          </p:sp>
          <p:sp>
            <p:nvSpPr>
              <p:cNvPr id="22" name="雲 31"/>
              <p:cNvSpPr/>
              <p:nvPr/>
            </p:nvSpPr>
            <p:spPr>
              <a:xfrm rot="197991">
                <a:off x="345647" y="2320691"/>
                <a:ext cx="3454894" cy="2129298"/>
              </a:xfrm>
              <a:custGeom>
                <a:avLst/>
                <a:gdLst>
                  <a:gd name="connsiteX0" fmla="*/ 3900 w 43200"/>
                  <a:gd name="connsiteY0" fmla="*/ 14370 h 43200"/>
                  <a:gd name="connsiteX1" fmla="*/ 5623 w 43200"/>
                  <a:gd name="connsiteY1" fmla="*/ 6907 h 43200"/>
                  <a:gd name="connsiteX2" fmla="*/ 14005 w 43200"/>
                  <a:gd name="connsiteY2" fmla="*/ 5202 h 43200"/>
                  <a:gd name="connsiteX3" fmla="*/ 22456 w 43200"/>
                  <a:gd name="connsiteY3" fmla="*/ 3432 h 43200"/>
                  <a:gd name="connsiteX4" fmla="*/ 25749 w 43200"/>
                  <a:gd name="connsiteY4" fmla="*/ 200 h 43200"/>
                  <a:gd name="connsiteX5" fmla="*/ 29833 w 43200"/>
                  <a:gd name="connsiteY5" fmla="*/ 2481 h 43200"/>
                  <a:gd name="connsiteX6" fmla="*/ 35463 w 43200"/>
                  <a:gd name="connsiteY6" fmla="*/ 690 h 43200"/>
                  <a:gd name="connsiteX7" fmla="*/ 38318 w 43200"/>
                  <a:gd name="connsiteY7" fmla="*/ 5576 h 43200"/>
                  <a:gd name="connsiteX8" fmla="*/ 41982 w 43200"/>
                  <a:gd name="connsiteY8" fmla="*/ 10318 h 43200"/>
                  <a:gd name="connsiteX9" fmla="*/ 41818 w 43200"/>
                  <a:gd name="connsiteY9" fmla="*/ 15460 h 43200"/>
                  <a:gd name="connsiteX10" fmla="*/ 43016 w 43200"/>
                  <a:gd name="connsiteY10" fmla="*/ 23322 h 43200"/>
                  <a:gd name="connsiteX11" fmla="*/ 37404 w 43200"/>
                  <a:gd name="connsiteY11" fmla="*/ 30204 h 43200"/>
                  <a:gd name="connsiteX12" fmla="*/ 35395 w 43200"/>
                  <a:gd name="connsiteY12" fmla="*/ 36101 h 43200"/>
                  <a:gd name="connsiteX13" fmla="*/ 28555 w 43200"/>
                  <a:gd name="connsiteY13" fmla="*/ 36815 h 43200"/>
                  <a:gd name="connsiteX14" fmla="*/ 23667 w 43200"/>
                  <a:gd name="connsiteY14" fmla="*/ 43106 h 43200"/>
                  <a:gd name="connsiteX15" fmla="*/ 16480 w 43200"/>
                  <a:gd name="connsiteY15" fmla="*/ 39266 h 43200"/>
                  <a:gd name="connsiteX16" fmla="*/ 5804 w 43200"/>
                  <a:gd name="connsiteY16" fmla="*/ 35472 h 43200"/>
                  <a:gd name="connsiteX17" fmla="*/ 1110 w 43200"/>
                  <a:gd name="connsiteY17" fmla="*/ 31250 h 43200"/>
                  <a:gd name="connsiteX18" fmla="*/ 2113 w 43200"/>
                  <a:gd name="connsiteY18" fmla="*/ 25551 h 43200"/>
                  <a:gd name="connsiteX19" fmla="*/ -5 w 43200"/>
                  <a:gd name="connsiteY19" fmla="*/ 19704 h 43200"/>
                  <a:gd name="connsiteX20" fmla="*/ 3863 w 43200"/>
                  <a:gd name="connsiteY20" fmla="*/ 14507 h 43200"/>
                  <a:gd name="connsiteX21" fmla="*/ 3900 w 43200"/>
                  <a:gd name="connsiteY21" fmla="*/ 14370 h 43200"/>
                  <a:gd name="connsiteX0" fmla="*/ 4693 w 43200"/>
                  <a:gd name="connsiteY0" fmla="*/ 26177 h 43200"/>
                  <a:gd name="connsiteX1" fmla="*/ 2160 w 43200"/>
                  <a:gd name="connsiteY1" fmla="*/ 25380 h 43200"/>
                  <a:gd name="connsiteX2" fmla="*/ 6928 w 43200"/>
                  <a:gd name="connsiteY2" fmla="*/ 34899 h 43200"/>
                  <a:gd name="connsiteX3" fmla="*/ 5820 w 43200"/>
                  <a:gd name="connsiteY3" fmla="*/ 35280 h 43200"/>
                  <a:gd name="connsiteX4" fmla="*/ 16478 w 43200"/>
                  <a:gd name="connsiteY4" fmla="*/ 39090 h 43200"/>
                  <a:gd name="connsiteX5" fmla="*/ 15810 w 43200"/>
                  <a:gd name="connsiteY5" fmla="*/ 37350 h 43200"/>
                  <a:gd name="connsiteX6" fmla="*/ 28827 w 43200"/>
                  <a:gd name="connsiteY6" fmla="*/ 34751 h 43200"/>
                  <a:gd name="connsiteX7" fmla="*/ 28560 w 43200"/>
                  <a:gd name="connsiteY7" fmla="*/ 36660 h 43200"/>
                  <a:gd name="connsiteX8" fmla="*/ 34129 w 43200"/>
                  <a:gd name="connsiteY8" fmla="*/ 22954 h 43200"/>
                  <a:gd name="connsiteX9" fmla="*/ 37380 w 43200"/>
                  <a:gd name="connsiteY9" fmla="*/ 30090 h 43200"/>
                  <a:gd name="connsiteX10" fmla="*/ 41798 w 43200"/>
                  <a:gd name="connsiteY10" fmla="*/ 15354 h 43200"/>
                  <a:gd name="connsiteX11" fmla="*/ 40350 w 43200"/>
                  <a:gd name="connsiteY11" fmla="*/ 18030 h 43200"/>
                  <a:gd name="connsiteX12" fmla="*/ 38324 w 43200"/>
                  <a:gd name="connsiteY12" fmla="*/ 5426 h 43200"/>
                  <a:gd name="connsiteX13" fmla="*/ 38400 w 43200"/>
                  <a:gd name="connsiteY13" fmla="*/ 6690 h 43200"/>
                  <a:gd name="connsiteX14" fmla="*/ 29078 w 43200"/>
                  <a:gd name="connsiteY14" fmla="*/ 3952 h 43200"/>
                  <a:gd name="connsiteX15" fmla="*/ 29820 w 43200"/>
                  <a:gd name="connsiteY15" fmla="*/ 2340 h 43200"/>
                  <a:gd name="connsiteX16" fmla="*/ 22141 w 43200"/>
                  <a:gd name="connsiteY16" fmla="*/ 4720 h 43200"/>
                  <a:gd name="connsiteX17" fmla="*/ 22500 w 43200"/>
                  <a:gd name="connsiteY17" fmla="*/ 3330 h 43200"/>
                  <a:gd name="connsiteX18" fmla="*/ 14000 w 43200"/>
                  <a:gd name="connsiteY18" fmla="*/ 5192 h 43200"/>
                  <a:gd name="connsiteX19" fmla="*/ 15300 w 43200"/>
                  <a:gd name="connsiteY19" fmla="*/ 6540 h 43200"/>
                  <a:gd name="connsiteX20" fmla="*/ 4127 w 43200"/>
                  <a:gd name="connsiteY20" fmla="*/ 15789 h 43200"/>
                  <a:gd name="connsiteX21" fmla="*/ 3900 w 43200"/>
                  <a:gd name="connsiteY21" fmla="*/ 14370 h 43200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36173 w 43256"/>
                  <a:gd name="connsiteY8" fmla="*/ 25158 h 43219"/>
                  <a:gd name="connsiteX9" fmla="*/ 37416 w 43256"/>
                  <a:gd name="connsiteY9" fmla="*/ 29949 h 43219"/>
                  <a:gd name="connsiteX10" fmla="*/ 41834 w 43256"/>
                  <a:gd name="connsiteY10" fmla="*/ 15213 h 43219"/>
                  <a:gd name="connsiteX11" fmla="*/ 40386 w 43256"/>
                  <a:gd name="connsiteY11" fmla="*/ 17889 h 43219"/>
                  <a:gd name="connsiteX12" fmla="*/ 38360 w 43256"/>
                  <a:gd name="connsiteY12" fmla="*/ 5285 h 43219"/>
                  <a:gd name="connsiteX13" fmla="*/ 38436 w 43256"/>
                  <a:gd name="connsiteY13" fmla="*/ 6549 h 43219"/>
                  <a:gd name="connsiteX14" fmla="*/ 29114 w 43256"/>
                  <a:gd name="connsiteY14" fmla="*/ 3811 h 43219"/>
                  <a:gd name="connsiteX15" fmla="*/ 29856 w 43256"/>
                  <a:gd name="connsiteY15" fmla="*/ 2199 h 43219"/>
                  <a:gd name="connsiteX16" fmla="*/ 22177 w 43256"/>
                  <a:gd name="connsiteY16" fmla="*/ 4579 h 43219"/>
                  <a:gd name="connsiteX17" fmla="*/ 22536 w 43256"/>
                  <a:gd name="connsiteY17" fmla="*/ 3189 h 43219"/>
                  <a:gd name="connsiteX18" fmla="*/ 14036 w 43256"/>
                  <a:gd name="connsiteY18" fmla="*/ 5051 h 43219"/>
                  <a:gd name="connsiteX19" fmla="*/ 15336 w 43256"/>
                  <a:gd name="connsiteY19" fmla="*/ 6399 h 43219"/>
                  <a:gd name="connsiteX20" fmla="*/ 4163 w 43256"/>
                  <a:gd name="connsiteY20" fmla="*/ 15648 h 43219"/>
                  <a:gd name="connsiteX21" fmla="*/ 3936 w 43256"/>
                  <a:gd name="connsiteY21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41834 w 43256"/>
                  <a:gd name="connsiteY8" fmla="*/ 15213 h 43219"/>
                  <a:gd name="connsiteX9" fmla="*/ 40386 w 43256"/>
                  <a:gd name="connsiteY9" fmla="*/ 17889 h 43219"/>
                  <a:gd name="connsiteX10" fmla="*/ 38360 w 43256"/>
                  <a:gd name="connsiteY10" fmla="*/ 5285 h 43219"/>
                  <a:gd name="connsiteX11" fmla="*/ 38436 w 43256"/>
                  <a:gd name="connsiteY11" fmla="*/ 6549 h 43219"/>
                  <a:gd name="connsiteX12" fmla="*/ 29114 w 43256"/>
                  <a:gd name="connsiteY12" fmla="*/ 3811 h 43219"/>
                  <a:gd name="connsiteX13" fmla="*/ 29856 w 43256"/>
                  <a:gd name="connsiteY13" fmla="*/ 2199 h 43219"/>
                  <a:gd name="connsiteX14" fmla="*/ 22177 w 43256"/>
                  <a:gd name="connsiteY14" fmla="*/ 4579 h 43219"/>
                  <a:gd name="connsiteX15" fmla="*/ 22536 w 43256"/>
                  <a:gd name="connsiteY15" fmla="*/ 3189 h 43219"/>
                  <a:gd name="connsiteX16" fmla="*/ 14036 w 43256"/>
                  <a:gd name="connsiteY16" fmla="*/ 5051 h 43219"/>
                  <a:gd name="connsiteX17" fmla="*/ 15336 w 43256"/>
                  <a:gd name="connsiteY17" fmla="*/ 6399 h 43219"/>
                  <a:gd name="connsiteX18" fmla="*/ 4163 w 43256"/>
                  <a:gd name="connsiteY18" fmla="*/ 15648 h 43219"/>
                  <a:gd name="connsiteX19" fmla="*/ 3936 w 43256"/>
                  <a:gd name="connsiteY19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28863 w 43256"/>
                  <a:gd name="connsiteY4" fmla="*/ 34610 h 43219"/>
                  <a:gd name="connsiteX5" fmla="*/ 28596 w 43256"/>
                  <a:gd name="connsiteY5" fmla="*/ 36519 h 43219"/>
                  <a:gd name="connsiteX6" fmla="*/ 41834 w 43256"/>
                  <a:gd name="connsiteY6" fmla="*/ 15213 h 43219"/>
                  <a:gd name="connsiteX7" fmla="*/ 40386 w 43256"/>
                  <a:gd name="connsiteY7" fmla="*/ 17889 h 43219"/>
                  <a:gd name="connsiteX8" fmla="*/ 38360 w 43256"/>
                  <a:gd name="connsiteY8" fmla="*/ 5285 h 43219"/>
                  <a:gd name="connsiteX9" fmla="*/ 38436 w 43256"/>
                  <a:gd name="connsiteY9" fmla="*/ 6549 h 43219"/>
                  <a:gd name="connsiteX10" fmla="*/ 29114 w 43256"/>
                  <a:gd name="connsiteY10" fmla="*/ 3811 h 43219"/>
                  <a:gd name="connsiteX11" fmla="*/ 29856 w 43256"/>
                  <a:gd name="connsiteY11" fmla="*/ 2199 h 43219"/>
                  <a:gd name="connsiteX12" fmla="*/ 22177 w 43256"/>
                  <a:gd name="connsiteY12" fmla="*/ 4579 h 43219"/>
                  <a:gd name="connsiteX13" fmla="*/ 22536 w 43256"/>
                  <a:gd name="connsiteY13" fmla="*/ 3189 h 43219"/>
                  <a:gd name="connsiteX14" fmla="*/ 14036 w 43256"/>
                  <a:gd name="connsiteY14" fmla="*/ 5051 h 43219"/>
                  <a:gd name="connsiteX15" fmla="*/ 15336 w 43256"/>
                  <a:gd name="connsiteY15" fmla="*/ 6399 h 43219"/>
                  <a:gd name="connsiteX16" fmla="*/ 4163 w 43256"/>
                  <a:gd name="connsiteY16" fmla="*/ 15648 h 43219"/>
                  <a:gd name="connsiteX17" fmla="*/ 3936 w 43256"/>
                  <a:gd name="connsiteY17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28863 w 43256"/>
                  <a:gd name="connsiteY2" fmla="*/ 34610 h 43219"/>
                  <a:gd name="connsiteX3" fmla="*/ 28596 w 43256"/>
                  <a:gd name="connsiteY3" fmla="*/ 36519 h 43219"/>
                  <a:gd name="connsiteX4" fmla="*/ 41834 w 43256"/>
                  <a:gd name="connsiteY4" fmla="*/ 15213 h 43219"/>
                  <a:gd name="connsiteX5" fmla="*/ 40386 w 43256"/>
                  <a:gd name="connsiteY5" fmla="*/ 17889 h 43219"/>
                  <a:gd name="connsiteX6" fmla="*/ 38360 w 43256"/>
                  <a:gd name="connsiteY6" fmla="*/ 5285 h 43219"/>
                  <a:gd name="connsiteX7" fmla="*/ 38436 w 43256"/>
                  <a:gd name="connsiteY7" fmla="*/ 6549 h 43219"/>
                  <a:gd name="connsiteX8" fmla="*/ 29114 w 43256"/>
                  <a:gd name="connsiteY8" fmla="*/ 3811 h 43219"/>
                  <a:gd name="connsiteX9" fmla="*/ 29856 w 43256"/>
                  <a:gd name="connsiteY9" fmla="*/ 2199 h 43219"/>
                  <a:gd name="connsiteX10" fmla="*/ 22177 w 43256"/>
                  <a:gd name="connsiteY10" fmla="*/ 4579 h 43219"/>
                  <a:gd name="connsiteX11" fmla="*/ 22536 w 43256"/>
                  <a:gd name="connsiteY11" fmla="*/ 3189 h 43219"/>
                  <a:gd name="connsiteX12" fmla="*/ 14036 w 43256"/>
                  <a:gd name="connsiteY12" fmla="*/ 5051 h 43219"/>
                  <a:gd name="connsiteX13" fmla="*/ 15336 w 43256"/>
                  <a:gd name="connsiteY13" fmla="*/ 6399 h 43219"/>
                  <a:gd name="connsiteX14" fmla="*/ 4163 w 43256"/>
                  <a:gd name="connsiteY14" fmla="*/ 15648 h 43219"/>
                  <a:gd name="connsiteX15" fmla="*/ 3936 w 43256"/>
                  <a:gd name="connsiteY15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12" fmla="*/ 4163 w 43256"/>
                  <a:gd name="connsiteY12" fmla="*/ 15648 h 43219"/>
                  <a:gd name="connsiteX13" fmla="*/ 3936 w 43256"/>
                  <a:gd name="connsiteY13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45 w 43256"/>
                  <a:gd name="connsiteY0" fmla="*/ 34309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734 w 43256"/>
                  <a:gd name="connsiteY0" fmla="*/ 35017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12 w 43256"/>
                  <a:gd name="connsiteY13" fmla="*/ 35606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3256" h="43219">
                    <a:moveTo>
                      <a:pt x="3936" y="14229"/>
                    </a:moveTo>
                    <a:cubicBezTo>
                      <a:pt x="3665" y="11516"/>
                      <a:pt x="4297" y="8780"/>
                      <a:pt x="5659" y="6766"/>
                    </a:cubicBezTo>
                    <a:cubicBezTo>
                      <a:pt x="7811" y="3585"/>
                      <a:pt x="11300" y="2876"/>
                      <a:pt x="14041" y="5061"/>
                    </a:cubicBezTo>
                    <a:cubicBezTo>
                      <a:pt x="15714" y="768"/>
                      <a:pt x="19950" y="-119"/>
                      <a:pt x="22492" y="3291"/>
                    </a:cubicBezTo>
                    <a:cubicBezTo>
                      <a:pt x="23133" y="1542"/>
                      <a:pt x="24364" y="333"/>
                      <a:pt x="25785" y="59"/>
                    </a:cubicBezTo>
                    <a:cubicBezTo>
                      <a:pt x="27349" y="-243"/>
                      <a:pt x="28911" y="629"/>
                      <a:pt x="29869" y="2340"/>
                    </a:cubicBezTo>
                    <a:cubicBezTo>
                      <a:pt x="31251" y="126"/>
                      <a:pt x="33537" y="-601"/>
                      <a:pt x="35499" y="549"/>
                    </a:cubicBezTo>
                    <a:cubicBezTo>
                      <a:pt x="36994" y="1425"/>
                      <a:pt x="38066" y="3259"/>
                      <a:pt x="38354" y="5435"/>
                    </a:cubicBezTo>
                    <a:cubicBezTo>
                      <a:pt x="40082" y="6077"/>
                      <a:pt x="41458" y="7857"/>
                      <a:pt x="42018" y="10177"/>
                    </a:cubicBezTo>
                    <a:cubicBezTo>
                      <a:pt x="42425" y="11861"/>
                      <a:pt x="42367" y="13690"/>
                      <a:pt x="41854" y="15319"/>
                    </a:cubicBezTo>
                    <a:cubicBezTo>
                      <a:pt x="43115" y="17553"/>
                      <a:pt x="43556" y="20449"/>
                      <a:pt x="43052" y="23181"/>
                    </a:cubicBezTo>
                    <a:cubicBezTo>
                      <a:pt x="42382" y="26813"/>
                      <a:pt x="40164" y="29533"/>
                      <a:pt x="37440" y="30063"/>
                    </a:cubicBezTo>
                    <a:cubicBezTo>
                      <a:pt x="37480" y="30755"/>
                      <a:pt x="37355" y="31595"/>
                      <a:pt x="37012" y="32109"/>
                    </a:cubicBezTo>
                    <a:cubicBezTo>
                      <a:pt x="37971" y="31489"/>
                      <a:pt x="40489" y="32793"/>
                      <a:pt x="39313" y="36007"/>
                    </a:cubicBezTo>
                    <a:cubicBezTo>
                      <a:pt x="38504" y="38128"/>
                      <a:pt x="35744" y="37404"/>
                      <a:pt x="36050" y="35003"/>
                    </a:cubicBezTo>
                    <a:cubicBezTo>
                      <a:pt x="35764" y="35454"/>
                      <a:pt x="35423" y="35938"/>
                      <a:pt x="35118" y="36183"/>
                    </a:cubicBezTo>
                    <a:cubicBezTo>
                      <a:pt x="34125" y="36981"/>
                      <a:pt x="30740" y="38498"/>
                      <a:pt x="28591" y="36674"/>
                    </a:cubicBezTo>
                    <a:cubicBezTo>
                      <a:pt x="27896" y="39807"/>
                      <a:pt x="26035" y="42202"/>
                      <a:pt x="23703" y="42965"/>
                    </a:cubicBezTo>
                    <a:cubicBezTo>
                      <a:pt x="20955" y="43864"/>
                      <a:pt x="18087" y="42332"/>
                      <a:pt x="16516" y="39125"/>
                    </a:cubicBezTo>
                    <a:cubicBezTo>
                      <a:pt x="12808" y="42169"/>
                      <a:pt x="7992" y="40458"/>
                      <a:pt x="5840" y="35331"/>
                    </a:cubicBezTo>
                    <a:cubicBezTo>
                      <a:pt x="3726" y="35668"/>
                      <a:pt x="1741" y="33883"/>
                      <a:pt x="1146" y="31109"/>
                    </a:cubicBezTo>
                    <a:cubicBezTo>
                      <a:pt x="715" y="29102"/>
                      <a:pt x="1096" y="26936"/>
                      <a:pt x="2149" y="25410"/>
                    </a:cubicBezTo>
                    <a:cubicBezTo>
                      <a:pt x="655" y="24213"/>
                      <a:pt x="-177" y="21916"/>
                      <a:pt x="31" y="19563"/>
                    </a:cubicBezTo>
                    <a:cubicBezTo>
                      <a:pt x="275" y="16808"/>
                      <a:pt x="1881" y="14650"/>
                      <a:pt x="3899" y="14366"/>
                    </a:cubicBezTo>
                    <a:cubicBezTo>
                      <a:pt x="3911" y="14320"/>
                      <a:pt x="3924" y="14275"/>
                      <a:pt x="3936" y="14229"/>
                    </a:cubicBezTo>
                    <a:close/>
                  </a:path>
                  <a:path w="43256" h="43219" fill="none" extrusionOk="0">
                    <a:moveTo>
                      <a:pt x="28619" y="36455"/>
                    </a:moveTo>
                    <a:cubicBezTo>
                      <a:pt x="28580" y="37102"/>
                      <a:pt x="28734" y="35897"/>
                      <a:pt x="28596" y="36519"/>
                    </a:cubicBezTo>
                  </a:path>
                </a:pathLst>
              </a:custGeom>
              <a:solidFill>
                <a:schemeClr val="bg1"/>
              </a:solidFill>
              <a:ln w="57150" cap="rnd">
                <a:solidFill>
                  <a:schemeClr val="accent2"/>
                </a:solidFill>
                <a:bevel/>
              </a:ln>
              <a:effectLst>
                <a:glow rad="63500">
                  <a:schemeClr val="accent2">
                    <a:satMod val="175000"/>
                    <a:alpha val="40000"/>
                  </a:schemeClr>
                </a:glow>
                <a:softEdge rad="3175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dirty="0">
                  <a:solidFill>
                    <a:schemeClr val="accent2">
                      <a:lumMod val="50000"/>
                    </a:schemeClr>
                  </a:solidFill>
                </a:endParaRPr>
              </a:p>
            </p:txBody>
          </p:sp>
          <p:sp>
            <p:nvSpPr>
              <p:cNvPr id="23" name="円/楕円 42"/>
              <p:cNvSpPr/>
              <p:nvPr/>
            </p:nvSpPr>
            <p:spPr>
              <a:xfrm>
                <a:off x="3569985" y="4299761"/>
                <a:ext cx="118273" cy="110164"/>
              </a:xfrm>
              <a:prstGeom prst="ellipse">
                <a:avLst/>
              </a:prstGeom>
              <a:solidFill>
                <a:schemeClr val="bg1"/>
              </a:solidFill>
              <a:ln w="57150" cap="rnd">
                <a:solidFill>
                  <a:schemeClr val="accent2"/>
                </a:solidFill>
                <a:bevel/>
              </a:ln>
              <a:effectLst>
                <a:softEdge rad="3175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dirty="0"/>
              </a:p>
            </p:txBody>
          </p:sp>
        </p:grpSp>
        <p:sp>
          <p:nvSpPr>
            <p:cNvPr id="20" name="テキスト ボックス 19"/>
            <p:cNvSpPr txBox="1"/>
            <p:nvPr/>
          </p:nvSpPr>
          <p:spPr>
            <a:xfrm>
              <a:off x="2746319" y="4917635"/>
              <a:ext cx="3106729" cy="135421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kumimoji="1"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写真だけなら、</a:t>
              </a:r>
              <a:endParaRPr kumimoji="1" lang="en-US" altLang="ja-JP" sz="2400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kumimoji="1"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なまえも学校も</a:t>
              </a:r>
              <a:br>
                <a:rPr kumimoji="1" lang="en-US" altLang="ja-JP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</a:br>
              <a:r>
                <a:rPr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わからないもんね！</a:t>
              </a:r>
              <a:endParaRPr kumimoji="1" lang="ja-JP" altLang="en-US" sz="2400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</p:grpSp>
      <p:grpSp>
        <p:nvGrpSpPr>
          <p:cNvPr id="10" name="グループ化 9">
            <a:extLst>
              <a:ext uri="{FF2B5EF4-FFF2-40B4-BE49-F238E27FC236}">
                <a16:creationId xmlns:a16="http://schemas.microsoft.com/office/drawing/2014/main" id="{FAB83092-0649-40FD-96C1-97D7F94E9357}"/>
              </a:ext>
            </a:extLst>
          </p:cNvPr>
          <p:cNvGrpSpPr>
            <a:grpSpLocks noChangeAspect="1"/>
          </p:cNvGrpSpPr>
          <p:nvPr/>
        </p:nvGrpSpPr>
        <p:grpSpPr>
          <a:xfrm rot="21159405">
            <a:off x="279584" y="2312123"/>
            <a:ext cx="3057034" cy="3057034"/>
            <a:chOff x="-3601678" y="2091290"/>
            <a:chExt cx="3620445" cy="3620445"/>
          </a:xfrm>
        </p:grpSpPr>
        <p:sp>
          <p:nvSpPr>
            <p:cNvPr id="56" name="正方形/長方形 55">
              <a:extLst>
                <a:ext uri="{FF2B5EF4-FFF2-40B4-BE49-F238E27FC236}">
                  <a16:creationId xmlns:a16="http://schemas.microsoft.com/office/drawing/2014/main" id="{018251F3-863F-41CA-B825-6972B18CC125}"/>
                </a:ext>
              </a:extLst>
            </p:cNvPr>
            <p:cNvSpPr/>
            <p:nvPr/>
          </p:nvSpPr>
          <p:spPr>
            <a:xfrm>
              <a:off x="-3497237" y="2494769"/>
              <a:ext cx="3438000" cy="2664000"/>
            </a:xfrm>
            <a:prstGeom prst="rect">
              <a:avLst/>
            </a:prstGeom>
            <a:solidFill>
              <a:schemeClr val="bg1"/>
            </a:solidFill>
            <a:ln/>
          </p:spPr>
          <p:style>
            <a:lnRef idx="0">
              <a:schemeClr val="accent5"/>
            </a:lnRef>
            <a:fillRef idx="3">
              <a:schemeClr val="accent5"/>
            </a:fillRef>
            <a:effectRef idx="3">
              <a:schemeClr val="accent5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 dirty="0">
                <a:solidFill>
                  <a:schemeClr val="tx1"/>
                </a:solidFill>
              </a:endParaRPr>
            </a:p>
          </p:txBody>
        </p:sp>
        <p:pic>
          <p:nvPicPr>
            <p:cNvPr id="7" name="図 6">
              <a:extLst>
                <a:ext uri="{FF2B5EF4-FFF2-40B4-BE49-F238E27FC236}">
                  <a16:creationId xmlns:a16="http://schemas.microsoft.com/office/drawing/2014/main" id="{733390AC-1A2B-4796-99E4-DCEF9412952B}"/>
                </a:ext>
              </a:extLst>
            </p:cNvPr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-3601678" y="2091290"/>
              <a:ext cx="3620445" cy="3620445"/>
            </a:xfrm>
            <a:prstGeom prst="rect">
              <a:avLst/>
            </a:prstGeom>
          </p:spPr>
        </p:pic>
      </p:grp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CD480A1D-06C7-BE36-91F1-31F57D17348A}"/>
              </a:ext>
            </a:extLst>
          </p:cNvPr>
          <p:cNvSpPr txBox="1"/>
          <p:nvPr/>
        </p:nvSpPr>
        <p:spPr>
          <a:xfrm>
            <a:off x="65582" y="853135"/>
            <a:ext cx="93004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み　なみ</a:t>
            </a:r>
          </a:p>
        </p:txBody>
      </p: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31550552-23BA-3CEC-A6C7-806F6CCD620A}"/>
              </a:ext>
            </a:extLst>
          </p:cNvPr>
          <p:cNvSpPr txBox="1"/>
          <p:nvPr/>
        </p:nvSpPr>
        <p:spPr>
          <a:xfrm>
            <a:off x="53463" y="1417293"/>
            <a:ext cx="93004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しゃ　しん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5E48798C-A475-EF53-697F-7CE9B5DB95E2}"/>
              </a:ext>
            </a:extLst>
          </p:cNvPr>
          <p:cNvSpPr txBox="1"/>
          <p:nvPr/>
        </p:nvSpPr>
        <p:spPr>
          <a:xfrm>
            <a:off x="4287829" y="1417293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FC0E9704-BA5B-9975-DE9E-236397642597}"/>
              </a:ext>
            </a:extLst>
          </p:cNvPr>
          <p:cNvSpPr txBox="1"/>
          <p:nvPr/>
        </p:nvSpPr>
        <p:spPr>
          <a:xfrm>
            <a:off x="2391004" y="853135"/>
            <a:ext cx="9120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とも　だち</a:t>
            </a:r>
          </a:p>
        </p:txBody>
      </p:sp>
      <p:grpSp>
        <p:nvGrpSpPr>
          <p:cNvPr id="15" name="グループ化 14">
            <a:extLst>
              <a:ext uri="{FF2B5EF4-FFF2-40B4-BE49-F238E27FC236}">
                <a16:creationId xmlns:a16="http://schemas.microsoft.com/office/drawing/2014/main" id="{46A5FCB9-5EEF-2300-1BF1-78905686DDE9}"/>
              </a:ext>
            </a:extLst>
          </p:cNvPr>
          <p:cNvGrpSpPr/>
          <p:nvPr/>
        </p:nvGrpSpPr>
        <p:grpSpPr>
          <a:xfrm>
            <a:off x="5980053" y="2169829"/>
            <a:ext cx="2058284" cy="807070"/>
            <a:chOff x="5980053" y="2169829"/>
            <a:chExt cx="2058284" cy="807070"/>
          </a:xfrm>
        </p:grpSpPr>
        <p:sp>
          <p:nvSpPr>
            <p:cNvPr id="11" name="テキスト ボックス 10">
              <a:extLst>
                <a:ext uri="{FF2B5EF4-FFF2-40B4-BE49-F238E27FC236}">
                  <a16:creationId xmlns:a16="http://schemas.microsoft.com/office/drawing/2014/main" id="{084479A2-B467-CF6F-9610-E4CAFA9BA177}"/>
                </a:ext>
              </a:extLst>
            </p:cNvPr>
            <p:cNvSpPr txBox="1"/>
            <p:nvPr/>
          </p:nvSpPr>
          <p:spPr>
            <a:xfrm>
              <a:off x="5980053" y="2169829"/>
              <a:ext cx="941448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ゃ　しん</a:t>
              </a:r>
            </a:p>
          </p:txBody>
        </p:sp>
        <p:sp>
          <p:nvSpPr>
            <p:cNvPr id="12" name="テキスト ボックス 11">
              <a:extLst>
                <a:ext uri="{FF2B5EF4-FFF2-40B4-BE49-F238E27FC236}">
                  <a16:creationId xmlns:a16="http://schemas.microsoft.com/office/drawing/2014/main" id="{505069FA-2616-1178-9588-8211190930D5}"/>
                </a:ext>
              </a:extLst>
            </p:cNvPr>
            <p:cNvSpPr txBox="1"/>
            <p:nvPr/>
          </p:nvSpPr>
          <p:spPr>
            <a:xfrm>
              <a:off x="7294652" y="2699900"/>
              <a:ext cx="74368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がっこう</a:t>
              </a:r>
            </a:p>
          </p:txBody>
        </p:sp>
      </p:grpSp>
      <p:sp>
        <p:nvSpPr>
          <p:cNvPr id="4" name="正方形/長方形 3">
            <a:extLst>
              <a:ext uri="{FF2B5EF4-FFF2-40B4-BE49-F238E27FC236}">
                <a16:creationId xmlns:a16="http://schemas.microsoft.com/office/drawing/2014/main" id="{2AAC0E00-2FB1-FA36-8501-49A6E0A705AA}"/>
              </a:ext>
            </a:extLst>
          </p:cNvPr>
          <p:cNvSpPr/>
          <p:nvPr/>
        </p:nvSpPr>
        <p:spPr>
          <a:xfrm rot="21180000">
            <a:off x="1205184" y="3343543"/>
            <a:ext cx="847725" cy="119063"/>
          </a:xfrm>
          <a:prstGeom prst="rect">
            <a:avLst/>
          </a:prstGeom>
          <a:solidFill>
            <a:schemeClr val="bg1"/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3" name="テキスト ボックス 12">
            <a:extLst>
              <a:ext uri="{FF2B5EF4-FFF2-40B4-BE49-F238E27FC236}">
                <a16:creationId xmlns:a16="http://schemas.microsoft.com/office/drawing/2014/main" id="{4A88FA77-2F7D-ABA0-79A1-8E0D7DEF8BD9}"/>
              </a:ext>
            </a:extLst>
          </p:cNvPr>
          <p:cNvSpPr txBox="1"/>
          <p:nvPr/>
        </p:nvSpPr>
        <p:spPr>
          <a:xfrm rot="21180450">
            <a:off x="1284948" y="3304057"/>
            <a:ext cx="971741" cy="2308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kumimoji="1" lang="ja-JP" altLang="en-US" sz="900" dirty="0"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○月✕日　はれ</a:t>
            </a:r>
          </a:p>
        </p:txBody>
      </p:sp>
      <p:sp>
        <p:nvSpPr>
          <p:cNvPr id="14" name="テキスト ボックス 13">
            <a:extLst>
              <a:ext uri="{FF2B5EF4-FFF2-40B4-BE49-F238E27FC236}">
                <a16:creationId xmlns:a16="http://schemas.microsoft.com/office/drawing/2014/main" id="{7F40B14E-18D6-AF96-56ED-E0970BB5FBA4}"/>
              </a:ext>
            </a:extLst>
          </p:cNvPr>
          <p:cNvSpPr txBox="1"/>
          <p:nvPr/>
        </p:nvSpPr>
        <p:spPr>
          <a:xfrm>
            <a:off x="506757" y="4757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しゃ　しん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351535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テキスト ボックス 29"/>
          <p:cNvSpPr txBox="1"/>
          <p:nvPr/>
        </p:nvSpPr>
        <p:spPr>
          <a:xfrm>
            <a:off x="68349" y="1048261"/>
            <a:ext cx="9063616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しかしつぎの日、美波さんはナカちゃんに、「かってに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写真をのせないで」と、つよく責められてしまいました。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</p:txBody>
      </p:sp>
      <p:grpSp>
        <p:nvGrpSpPr>
          <p:cNvPr id="7" name="グループ化 6"/>
          <p:cNvGrpSpPr/>
          <p:nvPr/>
        </p:nvGrpSpPr>
        <p:grpSpPr>
          <a:xfrm rot="895403" flipH="1">
            <a:off x="3874019" y="1863023"/>
            <a:ext cx="3153436" cy="1499093"/>
            <a:chOff x="5321245" y="2391902"/>
            <a:chExt cx="4907235" cy="2489495"/>
          </a:xfrm>
        </p:grpSpPr>
        <p:sp>
          <p:nvSpPr>
            <p:cNvPr id="8" name="雲 31"/>
            <p:cNvSpPr/>
            <p:nvPr/>
          </p:nvSpPr>
          <p:spPr>
            <a:xfrm rot="6158944">
              <a:off x="6253402" y="1704533"/>
              <a:ext cx="2016069" cy="3880383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12 w 43256"/>
                <a:gd name="connsiteY13" fmla="*/ 35606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982 w 43256"/>
                <a:gd name="connsiteY14" fmla="*/ 35098 h 43219"/>
                <a:gd name="connsiteX15" fmla="*/ 35606 w 43256"/>
                <a:gd name="connsiteY15" fmla="*/ 35594 h 43219"/>
                <a:gd name="connsiteX16" fmla="*/ 35118 w 43256"/>
                <a:gd name="connsiteY16" fmla="*/ 36183 h 43219"/>
                <a:gd name="connsiteX17" fmla="*/ 28591 w 43256"/>
                <a:gd name="connsiteY17" fmla="*/ 36674 h 43219"/>
                <a:gd name="connsiteX18" fmla="*/ 23703 w 43256"/>
                <a:gd name="connsiteY18" fmla="*/ 42965 h 43219"/>
                <a:gd name="connsiteX19" fmla="*/ 16516 w 43256"/>
                <a:gd name="connsiteY19" fmla="*/ 39125 h 43219"/>
                <a:gd name="connsiteX20" fmla="*/ 5840 w 43256"/>
                <a:gd name="connsiteY20" fmla="*/ 35331 h 43219"/>
                <a:gd name="connsiteX21" fmla="*/ 1146 w 43256"/>
                <a:gd name="connsiteY21" fmla="*/ 31109 h 43219"/>
                <a:gd name="connsiteX22" fmla="*/ 2149 w 43256"/>
                <a:gd name="connsiteY22" fmla="*/ 25410 h 43219"/>
                <a:gd name="connsiteX23" fmla="*/ 31 w 43256"/>
                <a:gd name="connsiteY23" fmla="*/ 19563 h 43219"/>
                <a:gd name="connsiteX24" fmla="*/ 3899 w 43256"/>
                <a:gd name="connsiteY24" fmla="*/ 14366 h 43219"/>
                <a:gd name="connsiteX25" fmla="*/ 3936 w 43256"/>
                <a:gd name="connsiteY25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118 w 43256"/>
                <a:gd name="connsiteY14" fmla="*/ 36183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175 w 43367"/>
                <a:gd name="connsiteY12" fmla="*/ 39794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40 w 43367"/>
                <a:gd name="connsiteY13" fmla="*/ 35172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40 w 43367"/>
                <a:gd name="connsiteY13" fmla="*/ 35172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446"/>
                <a:gd name="connsiteY0" fmla="*/ 14229 h 43219"/>
                <a:gd name="connsiteX1" fmla="*/ 5659 w 43446"/>
                <a:gd name="connsiteY1" fmla="*/ 6766 h 43219"/>
                <a:gd name="connsiteX2" fmla="*/ 14041 w 43446"/>
                <a:gd name="connsiteY2" fmla="*/ 5061 h 43219"/>
                <a:gd name="connsiteX3" fmla="*/ 22492 w 43446"/>
                <a:gd name="connsiteY3" fmla="*/ 3291 h 43219"/>
                <a:gd name="connsiteX4" fmla="*/ 25785 w 43446"/>
                <a:gd name="connsiteY4" fmla="*/ 59 h 43219"/>
                <a:gd name="connsiteX5" fmla="*/ 29869 w 43446"/>
                <a:gd name="connsiteY5" fmla="*/ 2340 h 43219"/>
                <a:gd name="connsiteX6" fmla="*/ 35499 w 43446"/>
                <a:gd name="connsiteY6" fmla="*/ 549 h 43219"/>
                <a:gd name="connsiteX7" fmla="*/ 38354 w 43446"/>
                <a:gd name="connsiteY7" fmla="*/ 5435 h 43219"/>
                <a:gd name="connsiteX8" fmla="*/ 42018 w 43446"/>
                <a:gd name="connsiteY8" fmla="*/ 10177 h 43219"/>
                <a:gd name="connsiteX9" fmla="*/ 41854 w 43446"/>
                <a:gd name="connsiteY9" fmla="*/ 15319 h 43219"/>
                <a:gd name="connsiteX10" fmla="*/ 43052 w 43446"/>
                <a:gd name="connsiteY10" fmla="*/ 23181 h 43219"/>
                <a:gd name="connsiteX11" fmla="*/ 37286 w 43446"/>
                <a:gd name="connsiteY11" fmla="*/ 30591 h 43219"/>
                <a:gd name="connsiteX12" fmla="*/ 43446 w 43446"/>
                <a:gd name="connsiteY12" fmla="*/ 40687 h 43219"/>
                <a:gd name="connsiteX13" fmla="*/ 34840 w 43446"/>
                <a:gd name="connsiteY13" fmla="*/ 35172 h 43219"/>
                <a:gd name="connsiteX14" fmla="*/ 28591 w 43446"/>
                <a:gd name="connsiteY14" fmla="*/ 36674 h 43219"/>
                <a:gd name="connsiteX15" fmla="*/ 23703 w 43446"/>
                <a:gd name="connsiteY15" fmla="*/ 42965 h 43219"/>
                <a:gd name="connsiteX16" fmla="*/ 16516 w 43446"/>
                <a:gd name="connsiteY16" fmla="*/ 39125 h 43219"/>
                <a:gd name="connsiteX17" fmla="*/ 5840 w 43446"/>
                <a:gd name="connsiteY17" fmla="*/ 35331 h 43219"/>
                <a:gd name="connsiteX18" fmla="*/ 1146 w 43446"/>
                <a:gd name="connsiteY18" fmla="*/ 31109 h 43219"/>
                <a:gd name="connsiteX19" fmla="*/ 2149 w 43446"/>
                <a:gd name="connsiteY19" fmla="*/ 25410 h 43219"/>
                <a:gd name="connsiteX20" fmla="*/ 31 w 43446"/>
                <a:gd name="connsiteY20" fmla="*/ 19563 h 43219"/>
                <a:gd name="connsiteX21" fmla="*/ 3899 w 43446"/>
                <a:gd name="connsiteY21" fmla="*/ 14366 h 43219"/>
                <a:gd name="connsiteX22" fmla="*/ 3936 w 43446"/>
                <a:gd name="connsiteY22" fmla="*/ 14229 h 43219"/>
                <a:gd name="connsiteX0" fmla="*/ 28619 w 43446"/>
                <a:gd name="connsiteY0" fmla="*/ 36455 h 43219"/>
                <a:gd name="connsiteX1" fmla="*/ 28596 w 43446"/>
                <a:gd name="connsiteY1" fmla="*/ 36519 h 43219"/>
                <a:gd name="connsiteX0" fmla="*/ 3936 w 43446"/>
                <a:gd name="connsiteY0" fmla="*/ 14229 h 43219"/>
                <a:gd name="connsiteX1" fmla="*/ 5659 w 43446"/>
                <a:gd name="connsiteY1" fmla="*/ 6766 h 43219"/>
                <a:gd name="connsiteX2" fmla="*/ 14041 w 43446"/>
                <a:gd name="connsiteY2" fmla="*/ 5061 h 43219"/>
                <a:gd name="connsiteX3" fmla="*/ 22492 w 43446"/>
                <a:gd name="connsiteY3" fmla="*/ 3291 h 43219"/>
                <a:gd name="connsiteX4" fmla="*/ 25785 w 43446"/>
                <a:gd name="connsiteY4" fmla="*/ 59 h 43219"/>
                <a:gd name="connsiteX5" fmla="*/ 29869 w 43446"/>
                <a:gd name="connsiteY5" fmla="*/ 2340 h 43219"/>
                <a:gd name="connsiteX6" fmla="*/ 35499 w 43446"/>
                <a:gd name="connsiteY6" fmla="*/ 549 h 43219"/>
                <a:gd name="connsiteX7" fmla="*/ 38354 w 43446"/>
                <a:gd name="connsiteY7" fmla="*/ 5435 h 43219"/>
                <a:gd name="connsiteX8" fmla="*/ 42018 w 43446"/>
                <a:gd name="connsiteY8" fmla="*/ 10177 h 43219"/>
                <a:gd name="connsiteX9" fmla="*/ 41854 w 43446"/>
                <a:gd name="connsiteY9" fmla="*/ 15319 h 43219"/>
                <a:gd name="connsiteX10" fmla="*/ 43052 w 43446"/>
                <a:gd name="connsiteY10" fmla="*/ 23181 h 43219"/>
                <a:gd name="connsiteX11" fmla="*/ 37286 w 43446"/>
                <a:gd name="connsiteY11" fmla="*/ 30591 h 43219"/>
                <a:gd name="connsiteX12" fmla="*/ 43446 w 43446"/>
                <a:gd name="connsiteY12" fmla="*/ 40687 h 43219"/>
                <a:gd name="connsiteX13" fmla="*/ 34840 w 43446"/>
                <a:gd name="connsiteY13" fmla="*/ 35172 h 43219"/>
                <a:gd name="connsiteX14" fmla="*/ 28591 w 43446"/>
                <a:gd name="connsiteY14" fmla="*/ 36674 h 43219"/>
                <a:gd name="connsiteX15" fmla="*/ 23703 w 43446"/>
                <a:gd name="connsiteY15" fmla="*/ 42965 h 43219"/>
                <a:gd name="connsiteX16" fmla="*/ 16516 w 43446"/>
                <a:gd name="connsiteY16" fmla="*/ 39125 h 43219"/>
                <a:gd name="connsiteX17" fmla="*/ 5840 w 43446"/>
                <a:gd name="connsiteY17" fmla="*/ 35331 h 43219"/>
                <a:gd name="connsiteX18" fmla="*/ 1146 w 43446"/>
                <a:gd name="connsiteY18" fmla="*/ 31109 h 43219"/>
                <a:gd name="connsiteX19" fmla="*/ 2149 w 43446"/>
                <a:gd name="connsiteY19" fmla="*/ 25410 h 43219"/>
                <a:gd name="connsiteX20" fmla="*/ 31 w 43446"/>
                <a:gd name="connsiteY20" fmla="*/ 19563 h 43219"/>
                <a:gd name="connsiteX21" fmla="*/ 3899 w 43446"/>
                <a:gd name="connsiteY21" fmla="*/ 14366 h 43219"/>
                <a:gd name="connsiteX22" fmla="*/ 3936 w 43446"/>
                <a:gd name="connsiteY22" fmla="*/ 14229 h 43219"/>
                <a:gd name="connsiteX0" fmla="*/ 28619 w 43446"/>
                <a:gd name="connsiteY0" fmla="*/ 36455 h 43219"/>
                <a:gd name="connsiteX1" fmla="*/ 28596 w 43446"/>
                <a:gd name="connsiteY1" fmla="*/ 36519 h 43219"/>
                <a:gd name="connsiteX0" fmla="*/ 3936 w 43367"/>
                <a:gd name="connsiteY0" fmla="*/ 14229 h 43888"/>
                <a:gd name="connsiteX1" fmla="*/ 5659 w 43367"/>
                <a:gd name="connsiteY1" fmla="*/ 6766 h 43888"/>
                <a:gd name="connsiteX2" fmla="*/ 14041 w 43367"/>
                <a:gd name="connsiteY2" fmla="*/ 5061 h 43888"/>
                <a:gd name="connsiteX3" fmla="*/ 22492 w 43367"/>
                <a:gd name="connsiteY3" fmla="*/ 3291 h 43888"/>
                <a:gd name="connsiteX4" fmla="*/ 25785 w 43367"/>
                <a:gd name="connsiteY4" fmla="*/ 59 h 43888"/>
                <a:gd name="connsiteX5" fmla="*/ 29869 w 43367"/>
                <a:gd name="connsiteY5" fmla="*/ 2340 h 43888"/>
                <a:gd name="connsiteX6" fmla="*/ 35499 w 43367"/>
                <a:gd name="connsiteY6" fmla="*/ 549 h 43888"/>
                <a:gd name="connsiteX7" fmla="*/ 38354 w 43367"/>
                <a:gd name="connsiteY7" fmla="*/ 5435 h 43888"/>
                <a:gd name="connsiteX8" fmla="*/ 42018 w 43367"/>
                <a:gd name="connsiteY8" fmla="*/ 10177 h 43888"/>
                <a:gd name="connsiteX9" fmla="*/ 41854 w 43367"/>
                <a:gd name="connsiteY9" fmla="*/ 15319 h 43888"/>
                <a:gd name="connsiteX10" fmla="*/ 43052 w 43367"/>
                <a:gd name="connsiteY10" fmla="*/ 23181 h 43888"/>
                <a:gd name="connsiteX11" fmla="*/ 37286 w 43367"/>
                <a:gd name="connsiteY11" fmla="*/ 30591 h 43888"/>
                <a:gd name="connsiteX12" fmla="*/ 37570 w 43367"/>
                <a:gd name="connsiteY12" fmla="*/ 43888 h 43888"/>
                <a:gd name="connsiteX13" fmla="*/ 34840 w 43367"/>
                <a:gd name="connsiteY13" fmla="*/ 35172 h 43888"/>
                <a:gd name="connsiteX14" fmla="*/ 28591 w 43367"/>
                <a:gd name="connsiteY14" fmla="*/ 36674 h 43888"/>
                <a:gd name="connsiteX15" fmla="*/ 23703 w 43367"/>
                <a:gd name="connsiteY15" fmla="*/ 42965 h 43888"/>
                <a:gd name="connsiteX16" fmla="*/ 16516 w 43367"/>
                <a:gd name="connsiteY16" fmla="*/ 39125 h 43888"/>
                <a:gd name="connsiteX17" fmla="*/ 5840 w 43367"/>
                <a:gd name="connsiteY17" fmla="*/ 35331 h 43888"/>
                <a:gd name="connsiteX18" fmla="*/ 1146 w 43367"/>
                <a:gd name="connsiteY18" fmla="*/ 31109 h 43888"/>
                <a:gd name="connsiteX19" fmla="*/ 2149 w 43367"/>
                <a:gd name="connsiteY19" fmla="*/ 25410 h 43888"/>
                <a:gd name="connsiteX20" fmla="*/ 31 w 43367"/>
                <a:gd name="connsiteY20" fmla="*/ 19563 h 43888"/>
                <a:gd name="connsiteX21" fmla="*/ 3899 w 43367"/>
                <a:gd name="connsiteY21" fmla="*/ 14366 h 43888"/>
                <a:gd name="connsiteX22" fmla="*/ 3936 w 43367"/>
                <a:gd name="connsiteY22" fmla="*/ 14229 h 43888"/>
                <a:gd name="connsiteX0" fmla="*/ 28619 w 43367"/>
                <a:gd name="connsiteY0" fmla="*/ 36455 h 43888"/>
                <a:gd name="connsiteX1" fmla="*/ 28596 w 43367"/>
                <a:gd name="connsiteY1" fmla="*/ 36519 h 43888"/>
                <a:gd name="connsiteX0" fmla="*/ 3936 w 43367"/>
                <a:gd name="connsiteY0" fmla="*/ 14229 h 43888"/>
                <a:gd name="connsiteX1" fmla="*/ 5659 w 43367"/>
                <a:gd name="connsiteY1" fmla="*/ 6766 h 43888"/>
                <a:gd name="connsiteX2" fmla="*/ 14041 w 43367"/>
                <a:gd name="connsiteY2" fmla="*/ 5061 h 43888"/>
                <a:gd name="connsiteX3" fmla="*/ 22492 w 43367"/>
                <a:gd name="connsiteY3" fmla="*/ 3291 h 43888"/>
                <a:gd name="connsiteX4" fmla="*/ 25785 w 43367"/>
                <a:gd name="connsiteY4" fmla="*/ 59 h 43888"/>
                <a:gd name="connsiteX5" fmla="*/ 29869 w 43367"/>
                <a:gd name="connsiteY5" fmla="*/ 2340 h 43888"/>
                <a:gd name="connsiteX6" fmla="*/ 35499 w 43367"/>
                <a:gd name="connsiteY6" fmla="*/ 549 h 43888"/>
                <a:gd name="connsiteX7" fmla="*/ 38354 w 43367"/>
                <a:gd name="connsiteY7" fmla="*/ 5435 h 43888"/>
                <a:gd name="connsiteX8" fmla="*/ 42018 w 43367"/>
                <a:gd name="connsiteY8" fmla="*/ 10177 h 43888"/>
                <a:gd name="connsiteX9" fmla="*/ 41854 w 43367"/>
                <a:gd name="connsiteY9" fmla="*/ 15319 h 43888"/>
                <a:gd name="connsiteX10" fmla="*/ 43052 w 43367"/>
                <a:gd name="connsiteY10" fmla="*/ 23181 h 43888"/>
                <a:gd name="connsiteX11" fmla="*/ 37286 w 43367"/>
                <a:gd name="connsiteY11" fmla="*/ 30591 h 43888"/>
                <a:gd name="connsiteX12" fmla="*/ 37570 w 43367"/>
                <a:gd name="connsiteY12" fmla="*/ 43888 h 43888"/>
                <a:gd name="connsiteX13" fmla="*/ 34840 w 43367"/>
                <a:gd name="connsiteY13" fmla="*/ 35172 h 43888"/>
                <a:gd name="connsiteX14" fmla="*/ 28591 w 43367"/>
                <a:gd name="connsiteY14" fmla="*/ 36674 h 43888"/>
                <a:gd name="connsiteX15" fmla="*/ 23703 w 43367"/>
                <a:gd name="connsiteY15" fmla="*/ 42965 h 43888"/>
                <a:gd name="connsiteX16" fmla="*/ 16516 w 43367"/>
                <a:gd name="connsiteY16" fmla="*/ 39125 h 43888"/>
                <a:gd name="connsiteX17" fmla="*/ 5840 w 43367"/>
                <a:gd name="connsiteY17" fmla="*/ 35331 h 43888"/>
                <a:gd name="connsiteX18" fmla="*/ 1146 w 43367"/>
                <a:gd name="connsiteY18" fmla="*/ 31109 h 43888"/>
                <a:gd name="connsiteX19" fmla="*/ 2149 w 43367"/>
                <a:gd name="connsiteY19" fmla="*/ 25410 h 43888"/>
                <a:gd name="connsiteX20" fmla="*/ 31 w 43367"/>
                <a:gd name="connsiteY20" fmla="*/ 19563 h 43888"/>
                <a:gd name="connsiteX21" fmla="*/ 3899 w 43367"/>
                <a:gd name="connsiteY21" fmla="*/ 14366 h 43888"/>
                <a:gd name="connsiteX22" fmla="*/ 3936 w 43367"/>
                <a:gd name="connsiteY22" fmla="*/ 14229 h 43888"/>
                <a:gd name="connsiteX0" fmla="*/ 28619 w 43367"/>
                <a:gd name="connsiteY0" fmla="*/ 36455 h 43888"/>
                <a:gd name="connsiteX1" fmla="*/ 28596 w 43367"/>
                <a:gd name="connsiteY1" fmla="*/ 36519 h 43888"/>
                <a:gd name="connsiteX0" fmla="*/ 3936 w 43367"/>
                <a:gd name="connsiteY0" fmla="*/ 14229 h 43888"/>
                <a:gd name="connsiteX1" fmla="*/ 5659 w 43367"/>
                <a:gd name="connsiteY1" fmla="*/ 6766 h 43888"/>
                <a:gd name="connsiteX2" fmla="*/ 14041 w 43367"/>
                <a:gd name="connsiteY2" fmla="*/ 5061 h 43888"/>
                <a:gd name="connsiteX3" fmla="*/ 22492 w 43367"/>
                <a:gd name="connsiteY3" fmla="*/ 3291 h 43888"/>
                <a:gd name="connsiteX4" fmla="*/ 25785 w 43367"/>
                <a:gd name="connsiteY4" fmla="*/ 59 h 43888"/>
                <a:gd name="connsiteX5" fmla="*/ 29869 w 43367"/>
                <a:gd name="connsiteY5" fmla="*/ 2340 h 43888"/>
                <a:gd name="connsiteX6" fmla="*/ 35499 w 43367"/>
                <a:gd name="connsiteY6" fmla="*/ 549 h 43888"/>
                <a:gd name="connsiteX7" fmla="*/ 38354 w 43367"/>
                <a:gd name="connsiteY7" fmla="*/ 5435 h 43888"/>
                <a:gd name="connsiteX8" fmla="*/ 42018 w 43367"/>
                <a:gd name="connsiteY8" fmla="*/ 10177 h 43888"/>
                <a:gd name="connsiteX9" fmla="*/ 41854 w 43367"/>
                <a:gd name="connsiteY9" fmla="*/ 15319 h 43888"/>
                <a:gd name="connsiteX10" fmla="*/ 43052 w 43367"/>
                <a:gd name="connsiteY10" fmla="*/ 23181 h 43888"/>
                <a:gd name="connsiteX11" fmla="*/ 37286 w 43367"/>
                <a:gd name="connsiteY11" fmla="*/ 30591 h 43888"/>
                <a:gd name="connsiteX12" fmla="*/ 37570 w 43367"/>
                <a:gd name="connsiteY12" fmla="*/ 43888 h 43888"/>
                <a:gd name="connsiteX13" fmla="*/ 34840 w 43367"/>
                <a:gd name="connsiteY13" fmla="*/ 35172 h 43888"/>
                <a:gd name="connsiteX14" fmla="*/ 28591 w 43367"/>
                <a:gd name="connsiteY14" fmla="*/ 36674 h 43888"/>
                <a:gd name="connsiteX15" fmla="*/ 23703 w 43367"/>
                <a:gd name="connsiteY15" fmla="*/ 42965 h 43888"/>
                <a:gd name="connsiteX16" fmla="*/ 16516 w 43367"/>
                <a:gd name="connsiteY16" fmla="*/ 39125 h 43888"/>
                <a:gd name="connsiteX17" fmla="*/ 5840 w 43367"/>
                <a:gd name="connsiteY17" fmla="*/ 35331 h 43888"/>
                <a:gd name="connsiteX18" fmla="*/ 1146 w 43367"/>
                <a:gd name="connsiteY18" fmla="*/ 31109 h 43888"/>
                <a:gd name="connsiteX19" fmla="*/ 2149 w 43367"/>
                <a:gd name="connsiteY19" fmla="*/ 25410 h 43888"/>
                <a:gd name="connsiteX20" fmla="*/ 31 w 43367"/>
                <a:gd name="connsiteY20" fmla="*/ 19563 h 43888"/>
                <a:gd name="connsiteX21" fmla="*/ 3899 w 43367"/>
                <a:gd name="connsiteY21" fmla="*/ 14366 h 43888"/>
                <a:gd name="connsiteX22" fmla="*/ 3936 w 43367"/>
                <a:gd name="connsiteY22" fmla="*/ 14229 h 43888"/>
                <a:gd name="connsiteX0" fmla="*/ 28619 w 43367"/>
                <a:gd name="connsiteY0" fmla="*/ 36455 h 43888"/>
                <a:gd name="connsiteX1" fmla="*/ 28596 w 43367"/>
                <a:gd name="connsiteY1" fmla="*/ 36519 h 43888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36183 w 43367"/>
                <a:gd name="connsiteY12" fmla="*/ 41947 h 43219"/>
                <a:gd name="connsiteX13" fmla="*/ 34840 w 43367"/>
                <a:gd name="connsiteY13" fmla="*/ 35172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8181"/>
                <a:gd name="connsiteY0" fmla="*/ 14229 h 43219"/>
                <a:gd name="connsiteX1" fmla="*/ 5659 w 48181"/>
                <a:gd name="connsiteY1" fmla="*/ 6766 h 43219"/>
                <a:gd name="connsiteX2" fmla="*/ 14041 w 48181"/>
                <a:gd name="connsiteY2" fmla="*/ 5061 h 43219"/>
                <a:gd name="connsiteX3" fmla="*/ 22492 w 48181"/>
                <a:gd name="connsiteY3" fmla="*/ 3291 h 43219"/>
                <a:gd name="connsiteX4" fmla="*/ 25785 w 48181"/>
                <a:gd name="connsiteY4" fmla="*/ 59 h 43219"/>
                <a:gd name="connsiteX5" fmla="*/ 29869 w 48181"/>
                <a:gd name="connsiteY5" fmla="*/ 2340 h 43219"/>
                <a:gd name="connsiteX6" fmla="*/ 35499 w 48181"/>
                <a:gd name="connsiteY6" fmla="*/ 549 h 43219"/>
                <a:gd name="connsiteX7" fmla="*/ 38354 w 48181"/>
                <a:gd name="connsiteY7" fmla="*/ 5435 h 43219"/>
                <a:gd name="connsiteX8" fmla="*/ 42018 w 48181"/>
                <a:gd name="connsiteY8" fmla="*/ 10177 h 43219"/>
                <a:gd name="connsiteX9" fmla="*/ 41854 w 48181"/>
                <a:gd name="connsiteY9" fmla="*/ 15319 h 43219"/>
                <a:gd name="connsiteX10" fmla="*/ 43052 w 48181"/>
                <a:gd name="connsiteY10" fmla="*/ 23181 h 43219"/>
                <a:gd name="connsiteX11" fmla="*/ 37286 w 48181"/>
                <a:gd name="connsiteY11" fmla="*/ 30591 h 43219"/>
                <a:gd name="connsiteX12" fmla="*/ 45306 w 48181"/>
                <a:gd name="connsiteY12" fmla="*/ 37718 h 43219"/>
                <a:gd name="connsiteX13" fmla="*/ 34840 w 48181"/>
                <a:gd name="connsiteY13" fmla="*/ 35172 h 43219"/>
                <a:gd name="connsiteX14" fmla="*/ 28591 w 48181"/>
                <a:gd name="connsiteY14" fmla="*/ 36674 h 43219"/>
                <a:gd name="connsiteX15" fmla="*/ 23703 w 48181"/>
                <a:gd name="connsiteY15" fmla="*/ 42965 h 43219"/>
                <a:gd name="connsiteX16" fmla="*/ 16516 w 48181"/>
                <a:gd name="connsiteY16" fmla="*/ 39125 h 43219"/>
                <a:gd name="connsiteX17" fmla="*/ 5840 w 48181"/>
                <a:gd name="connsiteY17" fmla="*/ 35331 h 43219"/>
                <a:gd name="connsiteX18" fmla="*/ 1146 w 48181"/>
                <a:gd name="connsiteY18" fmla="*/ 31109 h 43219"/>
                <a:gd name="connsiteX19" fmla="*/ 2149 w 48181"/>
                <a:gd name="connsiteY19" fmla="*/ 25410 h 43219"/>
                <a:gd name="connsiteX20" fmla="*/ 31 w 48181"/>
                <a:gd name="connsiteY20" fmla="*/ 19563 h 43219"/>
                <a:gd name="connsiteX21" fmla="*/ 3899 w 48181"/>
                <a:gd name="connsiteY21" fmla="*/ 14366 h 43219"/>
                <a:gd name="connsiteX22" fmla="*/ 3936 w 48181"/>
                <a:gd name="connsiteY22" fmla="*/ 14229 h 43219"/>
                <a:gd name="connsiteX0" fmla="*/ 28619 w 48181"/>
                <a:gd name="connsiteY0" fmla="*/ 36455 h 43219"/>
                <a:gd name="connsiteX1" fmla="*/ 28596 w 48181"/>
                <a:gd name="connsiteY1" fmla="*/ 36519 h 43219"/>
                <a:gd name="connsiteX0" fmla="*/ 3936 w 48181"/>
                <a:gd name="connsiteY0" fmla="*/ 14229 h 43219"/>
                <a:gd name="connsiteX1" fmla="*/ 5659 w 48181"/>
                <a:gd name="connsiteY1" fmla="*/ 6766 h 43219"/>
                <a:gd name="connsiteX2" fmla="*/ 14041 w 48181"/>
                <a:gd name="connsiteY2" fmla="*/ 5061 h 43219"/>
                <a:gd name="connsiteX3" fmla="*/ 22492 w 48181"/>
                <a:gd name="connsiteY3" fmla="*/ 3291 h 43219"/>
                <a:gd name="connsiteX4" fmla="*/ 25785 w 48181"/>
                <a:gd name="connsiteY4" fmla="*/ 59 h 43219"/>
                <a:gd name="connsiteX5" fmla="*/ 29869 w 48181"/>
                <a:gd name="connsiteY5" fmla="*/ 2340 h 43219"/>
                <a:gd name="connsiteX6" fmla="*/ 35499 w 48181"/>
                <a:gd name="connsiteY6" fmla="*/ 549 h 43219"/>
                <a:gd name="connsiteX7" fmla="*/ 38354 w 48181"/>
                <a:gd name="connsiteY7" fmla="*/ 5435 h 43219"/>
                <a:gd name="connsiteX8" fmla="*/ 42018 w 48181"/>
                <a:gd name="connsiteY8" fmla="*/ 10177 h 43219"/>
                <a:gd name="connsiteX9" fmla="*/ 41854 w 48181"/>
                <a:gd name="connsiteY9" fmla="*/ 15319 h 43219"/>
                <a:gd name="connsiteX10" fmla="*/ 43052 w 48181"/>
                <a:gd name="connsiteY10" fmla="*/ 23181 h 43219"/>
                <a:gd name="connsiteX11" fmla="*/ 37286 w 48181"/>
                <a:gd name="connsiteY11" fmla="*/ 30591 h 43219"/>
                <a:gd name="connsiteX12" fmla="*/ 45306 w 48181"/>
                <a:gd name="connsiteY12" fmla="*/ 37718 h 43219"/>
                <a:gd name="connsiteX13" fmla="*/ 34840 w 48181"/>
                <a:gd name="connsiteY13" fmla="*/ 35172 h 43219"/>
                <a:gd name="connsiteX14" fmla="*/ 28591 w 48181"/>
                <a:gd name="connsiteY14" fmla="*/ 36674 h 43219"/>
                <a:gd name="connsiteX15" fmla="*/ 23703 w 48181"/>
                <a:gd name="connsiteY15" fmla="*/ 42965 h 43219"/>
                <a:gd name="connsiteX16" fmla="*/ 16516 w 48181"/>
                <a:gd name="connsiteY16" fmla="*/ 39125 h 43219"/>
                <a:gd name="connsiteX17" fmla="*/ 5840 w 48181"/>
                <a:gd name="connsiteY17" fmla="*/ 35331 h 43219"/>
                <a:gd name="connsiteX18" fmla="*/ 1146 w 48181"/>
                <a:gd name="connsiteY18" fmla="*/ 31109 h 43219"/>
                <a:gd name="connsiteX19" fmla="*/ 2149 w 48181"/>
                <a:gd name="connsiteY19" fmla="*/ 25410 h 43219"/>
                <a:gd name="connsiteX20" fmla="*/ 31 w 48181"/>
                <a:gd name="connsiteY20" fmla="*/ 19563 h 43219"/>
                <a:gd name="connsiteX21" fmla="*/ 3899 w 48181"/>
                <a:gd name="connsiteY21" fmla="*/ 14366 h 43219"/>
                <a:gd name="connsiteX22" fmla="*/ 3936 w 48181"/>
                <a:gd name="connsiteY22" fmla="*/ 14229 h 43219"/>
                <a:gd name="connsiteX0" fmla="*/ 28619 w 48181"/>
                <a:gd name="connsiteY0" fmla="*/ 36455 h 43219"/>
                <a:gd name="connsiteX1" fmla="*/ 28596 w 48181"/>
                <a:gd name="connsiteY1" fmla="*/ 36519 h 43219"/>
                <a:gd name="connsiteX0" fmla="*/ 3936 w 45306"/>
                <a:gd name="connsiteY0" fmla="*/ 14229 h 43219"/>
                <a:gd name="connsiteX1" fmla="*/ 5659 w 45306"/>
                <a:gd name="connsiteY1" fmla="*/ 6766 h 43219"/>
                <a:gd name="connsiteX2" fmla="*/ 14041 w 45306"/>
                <a:gd name="connsiteY2" fmla="*/ 5061 h 43219"/>
                <a:gd name="connsiteX3" fmla="*/ 22492 w 45306"/>
                <a:gd name="connsiteY3" fmla="*/ 3291 h 43219"/>
                <a:gd name="connsiteX4" fmla="*/ 25785 w 45306"/>
                <a:gd name="connsiteY4" fmla="*/ 59 h 43219"/>
                <a:gd name="connsiteX5" fmla="*/ 29869 w 45306"/>
                <a:gd name="connsiteY5" fmla="*/ 2340 h 43219"/>
                <a:gd name="connsiteX6" fmla="*/ 35499 w 45306"/>
                <a:gd name="connsiteY6" fmla="*/ 549 h 43219"/>
                <a:gd name="connsiteX7" fmla="*/ 38354 w 45306"/>
                <a:gd name="connsiteY7" fmla="*/ 5435 h 43219"/>
                <a:gd name="connsiteX8" fmla="*/ 42018 w 45306"/>
                <a:gd name="connsiteY8" fmla="*/ 10177 h 43219"/>
                <a:gd name="connsiteX9" fmla="*/ 41854 w 45306"/>
                <a:gd name="connsiteY9" fmla="*/ 15319 h 43219"/>
                <a:gd name="connsiteX10" fmla="*/ 43052 w 45306"/>
                <a:gd name="connsiteY10" fmla="*/ 23181 h 43219"/>
                <a:gd name="connsiteX11" fmla="*/ 37286 w 45306"/>
                <a:gd name="connsiteY11" fmla="*/ 30591 h 43219"/>
                <a:gd name="connsiteX12" fmla="*/ 45306 w 45306"/>
                <a:gd name="connsiteY12" fmla="*/ 37718 h 43219"/>
                <a:gd name="connsiteX13" fmla="*/ 34840 w 45306"/>
                <a:gd name="connsiteY13" fmla="*/ 35172 h 43219"/>
                <a:gd name="connsiteX14" fmla="*/ 28591 w 45306"/>
                <a:gd name="connsiteY14" fmla="*/ 36674 h 43219"/>
                <a:gd name="connsiteX15" fmla="*/ 23703 w 45306"/>
                <a:gd name="connsiteY15" fmla="*/ 42965 h 43219"/>
                <a:gd name="connsiteX16" fmla="*/ 16516 w 45306"/>
                <a:gd name="connsiteY16" fmla="*/ 39125 h 43219"/>
                <a:gd name="connsiteX17" fmla="*/ 5840 w 45306"/>
                <a:gd name="connsiteY17" fmla="*/ 35331 h 43219"/>
                <a:gd name="connsiteX18" fmla="*/ 1146 w 45306"/>
                <a:gd name="connsiteY18" fmla="*/ 31109 h 43219"/>
                <a:gd name="connsiteX19" fmla="*/ 2149 w 45306"/>
                <a:gd name="connsiteY19" fmla="*/ 25410 h 43219"/>
                <a:gd name="connsiteX20" fmla="*/ 31 w 45306"/>
                <a:gd name="connsiteY20" fmla="*/ 19563 h 43219"/>
                <a:gd name="connsiteX21" fmla="*/ 3899 w 45306"/>
                <a:gd name="connsiteY21" fmla="*/ 14366 h 43219"/>
                <a:gd name="connsiteX22" fmla="*/ 3936 w 45306"/>
                <a:gd name="connsiteY22" fmla="*/ 14229 h 43219"/>
                <a:gd name="connsiteX0" fmla="*/ 28619 w 45306"/>
                <a:gd name="connsiteY0" fmla="*/ 36455 h 43219"/>
                <a:gd name="connsiteX1" fmla="*/ 28596 w 4530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530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813" y="20636"/>
                    <a:pt x="43052" y="23181"/>
                  </a:cubicBezTo>
                  <a:cubicBezTo>
                    <a:pt x="42291" y="25726"/>
                    <a:pt x="40010" y="30061"/>
                    <a:pt x="37286" y="30591"/>
                  </a:cubicBezTo>
                  <a:cubicBezTo>
                    <a:pt x="40761" y="32955"/>
                    <a:pt x="42987" y="30396"/>
                    <a:pt x="45306" y="37718"/>
                  </a:cubicBezTo>
                  <a:cubicBezTo>
                    <a:pt x="41915" y="32052"/>
                    <a:pt x="37294" y="34135"/>
                    <a:pt x="34840" y="35172"/>
                  </a:cubicBezTo>
                  <a:cubicBezTo>
                    <a:pt x="34186" y="37306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530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solidFill>
              <a:srgbClr val="FFFFFF"/>
            </a:solidFill>
            <a:ln w="57150" cap="rnd">
              <a:solidFill>
                <a:schemeClr val="accent5"/>
              </a:solidFill>
              <a:round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ja-JP" altLang="en-US" dirty="0">
                <a:solidFill>
                  <a:schemeClr val="lt1"/>
                </a:solidFill>
              </a:endParaRPr>
            </a:p>
          </p:txBody>
        </p:sp>
        <p:pic>
          <p:nvPicPr>
            <p:cNvPr id="9" name="Picture 3" descr="D:\ryuno\_徳島\コンテンツ制作\ストライプ_.png"/>
            <p:cNvPicPr>
              <a:picLocks noChangeAspect="1" noChangeArrowheads="1"/>
            </p:cNvPicPr>
            <p:nvPr/>
          </p:nvPicPr>
          <p:blipFill>
            <a:blip r:embed="rId4">
              <a:duotone>
                <a:schemeClr val="bg2">
                  <a:shade val="45000"/>
                  <a:satMod val="135000"/>
                </a:schemeClr>
                <a:prstClr val="white"/>
              </a:duotone>
              <a:extLst>
                <a:ext uri="{BEBA8EAE-BF5A-486C-A8C5-ECC9F3942E4B}">
                  <a14:imgProps xmlns:a14="http://schemas.microsoft.com/office/drawing/2010/main">
                    <a14:imgLayer r:embed="rId5">
                      <a14:imgEffect>
                        <a14:brightnessContrast bright="40000" contrast="-4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5359317" y="2391902"/>
              <a:ext cx="4869163" cy="2489495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0" name="テキスト ボックス 9"/>
            <p:cNvSpPr txBox="1"/>
            <p:nvPr/>
          </p:nvSpPr>
          <p:spPr>
            <a:xfrm rot="902826">
              <a:off x="5754279" y="3107143"/>
              <a:ext cx="3215106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2000" b="1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いけないこと</a:t>
              </a:r>
              <a:endParaRPr kumimoji="1" lang="en-US" altLang="ja-JP" sz="2000" b="1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/>
              <a:r>
                <a:rPr kumimoji="1" lang="ja-JP" altLang="en-US" sz="2000" b="1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だったの･･？</a:t>
              </a:r>
            </a:p>
          </p:txBody>
        </p:sp>
      </p:grpSp>
      <p:sp>
        <p:nvSpPr>
          <p:cNvPr id="12" name="タイトル 1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3.</a:t>
            </a:r>
            <a:r>
              <a:rPr lang="ja-JP" altLang="en-US" dirty="0"/>
              <a:t>写真をアップするときは</a:t>
            </a:r>
            <a:endParaRPr lang="ja-JP" altLang="en-US" dirty="0">
              <a:latin typeface="Meiryo UI" panose="020B0604030504040204" pitchFamily="50" charset="-128"/>
              <a:ea typeface="Meiryo UI" panose="020B0604030504040204" pitchFamily="50" charset="-128"/>
              <a:cs typeface="Meiryo UI" panose="020B0604030504040204" pitchFamily="50" charset="-128"/>
            </a:endParaRPr>
          </a:p>
        </p:txBody>
      </p:sp>
      <p:pic>
        <p:nvPicPr>
          <p:cNvPr id="11" name="図 10">
            <a:extLst>
              <a:ext uri="{FF2B5EF4-FFF2-40B4-BE49-F238E27FC236}">
                <a16:creationId xmlns:a16="http://schemas.microsoft.com/office/drawing/2014/main" id="{E939F2AD-03B8-4126-8651-70529FA909F9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8071" r="47436"/>
          <a:stretch/>
        </p:blipFill>
        <p:spPr>
          <a:xfrm>
            <a:off x="2277238" y="2461669"/>
            <a:ext cx="3203897" cy="438422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23" name="図 22">
            <a:extLst>
              <a:ext uri="{FF2B5EF4-FFF2-40B4-BE49-F238E27FC236}">
                <a16:creationId xmlns:a16="http://schemas.microsoft.com/office/drawing/2014/main" id="{8A9F9EE8-EFB4-4D6B-B02B-252BE70F003C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0427" t="30132"/>
          <a:stretch/>
        </p:blipFill>
        <p:spPr>
          <a:xfrm>
            <a:off x="6110364" y="2612571"/>
            <a:ext cx="3021600" cy="4258680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4" name="グループ化 3"/>
          <p:cNvGrpSpPr/>
          <p:nvPr/>
        </p:nvGrpSpPr>
        <p:grpSpPr>
          <a:xfrm>
            <a:off x="115796" y="2046229"/>
            <a:ext cx="3462124" cy="2391671"/>
            <a:chOff x="-835215" y="1827437"/>
            <a:chExt cx="3545063" cy="2698952"/>
          </a:xfrm>
        </p:grpSpPr>
        <p:sp>
          <p:nvSpPr>
            <p:cNvPr id="5" name="爆発 2 6"/>
            <p:cNvSpPr/>
            <p:nvPr/>
          </p:nvSpPr>
          <p:spPr>
            <a:xfrm rot="11224216">
              <a:off x="-835215" y="1827437"/>
              <a:ext cx="3545063" cy="2698952"/>
            </a:xfrm>
            <a:custGeom>
              <a:avLst/>
              <a:gdLst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550 w 21600"/>
                <a:gd name="connsiteY26" fmla="*/ 6382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9297 w 21600"/>
                <a:gd name="connsiteY26" fmla="*/ 4840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9297 w 21600"/>
                <a:gd name="connsiteY27" fmla="*/ 4840 h 21600"/>
                <a:gd name="connsiteX28" fmla="*/ 9722 w 21600"/>
                <a:gd name="connsiteY28" fmla="*/ 1887 h 21600"/>
                <a:gd name="connsiteX29" fmla="*/ 11462 w 21600"/>
                <a:gd name="connsiteY29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722 w 21600"/>
                <a:gd name="connsiteY29" fmla="*/ 956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587 w 17375"/>
                <a:gd name="connsiteY25" fmla="*/ 3112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1337 w 18394"/>
                <a:gd name="connsiteY0" fmla="*/ 6935 h 23358"/>
                <a:gd name="connsiteX1" fmla="*/ 13841 w 18394"/>
                <a:gd name="connsiteY1" fmla="*/ 3588 h 23358"/>
                <a:gd name="connsiteX2" fmla="*/ 14308 w 18394"/>
                <a:gd name="connsiteY2" fmla="*/ 7567 h 23358"/>
                <a:gd name="connsiteX3" fmla="*/ 17257 w 18394"/>
                <a:gd name="connsiteY3" fmla="*/ 5829 h 23358"/>
                <a:gd name="connsiteX4" fmla="*/ 16255 w 18394"/>
                <a:gd name="connsiteY4" fmla="*/ 9125 h 23358"/>
                <a:gd name="connsiteX5" fmla="*/ 18394 w 18394"/>
                <a:gd name="connsiteY5" fmla="*/ 10041 h 23358"/>
                <a:gd name="connsiteX6" fmla="*/ 16860 w 18394"/>
                <a:gd name="connsiteY6" fmla="*/ 11995 h 23358"/>
                <a:gd name="connsiteX7" fmla="*/ 18191 w 18394"/>
                <a:gd name="connsiteY7" fmla="*/ 13883 h 23358"/>
                <a:gd name="connsiteX8" fmla="*/ 16255 w 18394"/>
                <a:gd name="connsiteY8" fmla="*/ 14903 h 23358"/>
                <a:gd name="connsiteX9" fmla="*/ 17455 w 18394"/>
                <a:gd name="connsiteY9" fmla="*/ 17904 h 23358"/>
                <a:gd name="connsiteX10" fmla="*/ 14515 w 18394"/>
                <a:gd name="connsiteY10" fmla="*/ 16943 h 23358"/>
                <a:gd name="connsiteX11" fmla="*/ 14817 w 18394"/>
                <a:gd name="connsiteY11" fmla="*/ 19963 h 23358"/>
                <a:gd name="connsiteX12" fmla="*/ 12055 w 18394"/>
                <a:gd name="connsiteY12" fmla="*/ 18528 h 23358"/>
                <a:gd name="connsiteX13" fmla="*/ 11487 w 18394"/>
                <a:gd name="connsiteY13" fmla="*/ 21435 h 23358"/>
                <a:gd name="connsiteX14" fmla="*/ 9747 w 18394"/>
                <a:gd name="connsiteY14" fmla="*/ 19963 h 23358"/>
                <a:gd name="connsiteX15" fmla="*/ 8575 w 18394"/>
                <a:gd name="connsiteY15" fmla="*/ 22305 h 23358"/>
                <a:gd name="connsiteX16" fmla="*/ 7402 w 18394"/>
                <a:gd name="connsiteY16" fmla="*/ 20718 h 23358"/>
                <a:gd name="connsiteX17" fmla="*/ 5082 w 18394"/>
                <a:gd name="connsiteY17" fmla="*/ 23358 h 23358"/>
                <a:gd name="connsiteX18" fmla="*/ 4542 w 18394"/>
                <a:gd name="connsiteY18" fmla="*/ 20416 h 23358"/>
                <a:gd name="connsiteX19" fmla="*/ 1877 w 18394"/>
                <a:gd name="connsiteY19" fmla="*/ 20354 h 23358"/>
                <a:gd name="connsiteX20" fmla="*/ 3205 w 18394"/>
                <a:gd name="connsiteY20" fmla="*/ 17963 h 23358"/>
                <a:gd name="connsiteX21" fmla="*/ 1019 w 18394"/>
                <a:gd name="connsiteY21" fmla="*/ 15534 h 23358"/>
                <a:gd name="connsiteX22" fmla="*/ 3810 w 18394"/>
                <a:gd name="connsiteY22" fmla="*/ 14185 h 23358"/>
                <a:gd name="connsiteX23" fmla="*/ 1642 w 18394"/>
                <a:gd name="connsiteY23" fmla="*/ 10510 h 23358"/>
                <a:gd name="connsiteX24" fmla="*/ 5247 w 18394"/>
                <a:gd name="connsiteY24" fmla="*/ 10410 h 23358"/>
                <a:gd name="connsiteX25" fmla="*/ 0 w 18394"/>
                <a:gd name="connsiteY25" fmla="*/ 0 h 23358"/>
                <a:gd name="connsiteX26" fmla="*/ 7136 w 18394"/>
                <a:gd name="connsiteY26" fmla="*/ 8528 h 23358"/>
                <a:gd name="connsiteX27" fmla="*/ 7700 w 18394"/>
                <a:gd name="connsiteY27" fmla="*/ 5091 h 23358"/>
                <a:gd name="connsiteX28" fmla="*/ 9172 w 18394"/>
                <a:gd name="connsiteY28" fmla="*/ 7433 h 23358"/>
                <a:gd name="connsiteX29" fmla="*/ 9750 w 18394"/>
                <a:gd name="connsiteY29" fmla="*/ 4384 h 23358"/>
                <a:gd name="connsiteX30" fmla="*/ 11337 w 18394"/>
                <a:gd name="connsiteY30" fmla="*/ 6935 h 23358"/>
                <a:gd name="connsiteX0" fmla="*/ 11337 w 18394"/>
                <a:gd name="connsiteY0" fmla="*/ 6935 h 23358"/>
                <a:gd name="connsiteX1" fmla="*/ 13841 w 18394"/>
                <a:gd name="connsiteY1" fmla="*/ 3588 h 23358"/>
                <a:gd name="connsiteX2" fmla="*/ 14308 w 18394"/>
                <a:gd name="connsiteY2" fmla="*/ 7567 h 23358"/>
                <a:gd name="connsiteX3" fmla="*/ 17257 w 18394"/>
                <a:gd name="connsiteY3" fmla="*/ 5829 h 23358"/>
                <a:gd name="connsiteX4" fmla="*/ 16255 w 18394"/>
                <a:gd name="connsiteY4" fmla="*/ 9125 h 23358"/>
                <a:gd name="connsiteX5" fmla="*/ 18394 w 18394"/>
                <a:gd name="connsiteY5" fmla="*/ 10041 h 23358"/>
                <a:gd name="connsiteX6" fmla="*/ 16860 w 18394"/>
                <a:gd name="connsiteY6" fmla="*/ 11995 h 23358"/>
                <a:gd name="connsiteX7" fmla="*/ 18191 w 18394"/>
                <a:gd name="connsiteY7" fmla="*/ 13883 h 23358"/>
                <a:gd name="connsiteX8" fmla="*/ 16255 w 18394"/>
                <a:gd name="connsiteY8" fmla="*/ 14903 h 23358"/>
                <a:gd name="connsiteX9" fmla="*/ 17455 w 18394"/>
                <a:gd name="connsiteY9" fmla="*/ 17904 h 23358"/>
                <a:gd name="connsiteX10" fmla="*/ 14515 w 18394"/>
                <a:gd name="connsiteY10" fmla="*/ 16943 h 23358"/>
                <a:gd name="connsiteX11" fmla="*/ 14817 w 18394"/>
                <a:gd name="connsiteY11" fmla="*/ 19963 h 23358"/>
                <a:gd name="connsiteX12" fmla="*/ 12055 w 18394"/>
                <a:gd name="connsiteY12" fmla="*/ 18528 h 23358"/>
                <a:gd name="connsiteX13" fmla="*/ 11487 w 18394"/>
                <a:gd name="connsiteY13" fmla="*/ 21435 h 23358"/>
                <a:gd name="connsiteX14" fmla="*/ 9747 w 18394"/>
                <a:gd name="connsiteY14" fmla="*/ 19963 h 23358"/>
                <a:gd name="connsiteX15" fmla="*/ 8575 w 18394"/>
                <a:gd name="connsiteY15" fmla="*/ 22305 h 23358"/>
                <a:gd name="connsiteX16" fmla="*/ 7402 w 18394"/>
                <a:gd name="connsiteY16" fmla="*/ 20718 h 23358"/>
                <a:gd name="connsiteX17" fmla="*/ 5082 w 18394"/>
                <a:gd name="connsiteY17" fmla="*/ 23358 h 23358"/>
                <a:gd name="connsiteX18" fmla="*/ 4542 w 18394"/>
                <a:gd name="connsiteY18" fmla="*/ 20416 h 23358"/>
                <a:gd name="connsiteX19" fmla="*/ 1877 w 18394"/>
                <a:gd name="connsiteY19" fmla="*/ 20354 h 23358"/>
                <a:gd name="connsiteX20" fmla="*/ 3205 w 18394"/>
                <a:gd name="connsiteY20" fmla="*/ 17963 h 23358"/>
                <a:gd name="connsiteX21" fmla="*/ 1019 w 18394"/>
                <a:gd name="connsiteY21" fmla="*/ 15534 h 23358"/>
                <a:gd name="connsiteX22" fmla="*/ 3810 w 18394"/>
                <a:gd name="connsiteY22" fmla="*/ 14185 h 23358"/>
                <a:gd name="connsiteX23" fmla="*/ 1642 w 18394"/>
                <a:gd name="connsiteY23" fmla="*/ 10510 h 23358"/>
                <a:gd name="connsiteX24" fmla="*/ 5247 w 18394"/>
                <a:gd name="connsiteY24" fmla="*/ 10410 h 23358"/>
                <a:gd name="connsiteX25" fmla="*/ 0 w 18394"/>
                <a:gd name="connsiteY25" fmla="*/ 0 h 23358"/>
                <a:gd name="connsiteX26" fmla="*/ 7136 w 18394"/>
                <a:gd name="connsiteY26" fmla="*/ 8528 h 23358"/>
                <a:gd name="connsiteX27" fmla="*/ 7700 w 18394"/>
                <a:gd name="connsiteY27" fmla="*/ 5091 h 23358"/>
                <a:gd name="connsiteX28" fmla="*/ 9172 w 18394"/>
                <a:gd name="connsiteY28" fmla="*/ 7433 h 23358"/>
                <a:gd name="connsiteX29" fmla="*/ 9750 w 18394"/>
                <a:gd name="connsiteY29" fmla="*/ 4384 h 23358"/>
                <a:gd name="connsiteX30" fmla="*/ 11337 w 18394"/>
                <a:gd name="connsiteY30" fmla="*/ 6935 h 23358"/>
                <a:gd name="connsiteX0" fmla="*/ 11337 w 18394"/>
                <a:gd name="connsiteY0" fmla="*/ 6935 h 23358"/>
                <a:gd name="connsiteX1" fmla="*/ 13841 w 18394"/>
                <a:gd name="connsiteY1" fmla="*/ 3588 h 23358"/>
                <a:gd name="connsiteX2" fmla="*/ 14308 w 18394"/>
                <a:gd name="connsiteY2" fmla="*/ 7567 h 23358"/>
                <a:gd name="connsiteX3" fmla="*/ 17257 w 18394"/>
                <a:gd name="connsiteY3" fmla="*/ 5829 h 23358"/>
                <a:gd name="connsiteX4" fmla="*/ 16255 w 18394"/>
                <a:gd name="connsiteY4" fmla="*/ 9125 h 23358"/>
                <a:gd name="connsiteX5" fmla="*/ 18394 w 18394"/>
                <a:gd name="connsiteY5" fmla="*/ 10041 h 23358"/>
                <a:gd name="connsiteX6" fmla="*/ 16860 w 18394"/>
                <a:gd name="connsiteY6" fmla="*/ 11995 h 23358"/>
                <a:gd name="connsiteX7" fmla="*/ 18191 w 18394"/>
                <a:gd name="connsiteY7" fmla="*/ 13883 h 23358"/>
                <a:gd name="connsiteX8" fmla="*/ 16255 w 18394"/>
                <a:gd name="connsiteY8" fmla="*/ 14903 h 23358"/>
                <a:gd name="connsiteX9" fmla="*/ 17455 w 18394"/>
                <a:gd name="connsiteY9" fmla="*/ 17904 h 23358"/>
                <a:gd name="connsiteX10" fmla="*/ 14515 w 18394"/>
                <a:gd name="connsiteY10" fmla="*/ 16943 h 23358"/>
                <a:gd name="connsiteX11" fmla="*/ 14817 w 18394"/>
                <a:gd name="connsiteY11" fmla="*/ 19963 h 23358"/>
                <a:gd name="connsiteX12" fmla="*/ 12055 w 18394"/>
                <a:gd name="connsiteY12" fmla="*/ 18528 h 23358"/>
                <a:gd name="connsiteX13" fmla="*/ 11487 w 18394"/>
                <a:gd name="connsiteY13" fmla="*/ 21435 h 23358"/>
                <a:gd name="connsiteX14" fmla="*/ 9747 w 18394"/>
                <a:gd name="connsiteY14" fmla="*/ 19963 h 23358"/>
                <a:gd name="connsiteX15" fmla="*/ 8575 w 18394"/>
                <a:gd name="connsiteY15" fmla="*/ 22305 h 23358"/>
                <a:gd name="connsiteX16" fmla="*/ 7402 w 18394"/>
                <a:gd name="connsiteY16" fmla="*/ 20718 h 23358"/>
                <a:gd name="connsiteX17" fmla="*/ 5082 w 18394"/>
                <a:gd name="connsiteY17" fmla="*/ 23358 h 23358"/>
                <a:gd name="connsiteX18" fmla="*/ 4542 w 18394"/>
                <a:gd name="connsiteY18" fmla="*/ 20416 h 23358"/>
                <a:gd name="connsiteX19" fmla="*/ 1877 w 18394"/>
                <a:gd name="connsiteY19" fmla="*/ 20354 h 23358"/>
                <a:gd name="connsiteX20" fmla="*/ 3205 w 18394"/>
                <a:gd name="connsiteY20" fmla="*/ 17963 h 23358"/>
                <a:gd name="connsiteX21" fmla="*/ 1019 w 18394"/>
                <a:gd name="connsiteY21" fmla="*/ 15534 h 23358"/>
                <a:gd name="connsiteX22" fmla="*/ 3810 w 18394"/>
                <a:gd name="connsiteY22" fmla="*/ 14185 h 23358"/>
                <a:gd name="connsiteX23" fmla="*/ 1642 w 18394"/>
                <a:gd name="connsiteY23" fmla="*/ 10510 h 23358"/>
                <a:gd name="connsiteX24" fmla="*/ 5247 w 18394"/>
                <a:gd name="connsiteY24" fmla="*/ 10410 h 23358"/>
                <a:gd name="connsiteX25" fmla="*/ 0 w 18394"/>
                <a:gd name="connsiteY25" fmla="*/ 0 h 23358"/>
                <a:gd name="connsiteX26" fmla="*/ 7136 w 18394"/>
                <a:gd name="connsiteY26" fmla="*/ 8528 h 23358"/>
                <a:gd name="connsiteX27" fmla="*/ 7700 w 18394"/>
                <a:gd name="connsiteY27" fmla="*/ 5091 h 23358"/>
                <a:gd name="connsiteX28" fmla="*/ 9172 w 18394"/>
                <a:gd name="connsiteY28" fmla="*/ 7433 h 23358"/>
                <a:gd name="connsiteX29" fmla="*/ 9750 w 18394"/>
                <a:gd name="connsiteY29" fmla="*/ 4384 h 23358"/>
                <a:gd name="connsiteX30" fmla="*/ 11337 w 18394"/>
                <a:gd name="connsiteY30" fmla="*/ 6935 h 23358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</a:cxnLst>
              <a:rect l="l" t="t" r="r" b="b"/>
              <a:pathLst>
                <a:path w="17539" h="19770">
                  <a:moveTo>
                    <a:pt x="10482" y="3347"/>
                  </a:moveTo>
                  <a:cubicBezTo>
                    <a:pt x="11423" y="3281"/>
                    <a:pt x="12197" y="1929"/>
                    <a:pt x="12986" y="0"/>
                  </a:cubicBezTo>
                  <a:cubicBezTo>
                    <a:pt x="12898" y="1926"/>
                    <a:pt x="12702" y="3370"/>
                    <a:pt x="13453" y="3979"/>
                  </a:cubicBezTo>
                  <a:cubicBezTo>
                    <a:pt x="14049" y="4470"/>
                    <a:pt x="15486" y="3131"/>
                    <a:pt x="16402" y="2241"/>
                  </a:cubicBezTo>
                  <a:cubicBezTo>
                    <a:pt x="15931" y="3372"/>
                    <a:pt x="15154" y="4920"/>
                    <a:pt x="15400" y="5537"/>
                  </a:cubicBezTo>
                  <a:cubicBezTo>
                    <a:pt x="15798" y="6378"/>
                    <a:pt x="15799" y="6415"/>
                    <a:pt x="17539" y="6453"/>
                  </a:cubicBezTo>
                  <a:cubicBezTo>
                    <a:pt x="16799" y="7104"/>
                    <a:pt x="16074" y="7628"/>
                    <a:pt x="16005" y="8407"/>
                  </a:cubicBezTo>
                  <a:cubicBezTo>
                    <a:pt x="16021" y="9454"/>
                    <a:pt x="16588" y="9987"/>
                    <a:pt x="17336" y="10295"/>
                  </a:cubicBezTo>
                  <a:cubicBezTo>
                    <a:pt x="16615" y="10474"/>
                    <a:pt x="15435" y="10493"/>
                    <a:pt x="15400" y="11315"/>
                  </a:cubicBezTo>
                  <a:cubicBezTo>
                    <a:pt x="15240" y="12358"/>
                    <a:pt x="15768" y="13209"/>
                    <a:pt x="16600" y="14316"/>
                  </a:cubicBezTo>
                  <a:cubicBezTo>
                    <a:pt x="15655" y="13685"/>
                    <a:pt x="14452" y="12605"/>
                    <a:pt x="13660" y="13355"/>
                  </a:cubicBezTo>
                  <a:cubicBezTo>
                    <a:pt x="13456" y="13816"/>
                    <a:pt x="13708" y="15368"/>
                    <a:pt x="13962" y="16375"/>
                  </a:cubicBezTo>
                  <a:cubicBezTo>
                    <a:pt x="13164" y="15479"/>
                    <a:pt x="12304" y="14422"/>
                    <a:pt x="11200" y="14940"/>
                  </a:cubicBezTo>
                  <a:cubicBezTo>
                    <a:pt x="10630" y="15556"/>
                    <a:pt x="10409" y="16589"/>
                    <a:pt x="10632" y="17847"/>
                  </a:cubicBezTo>
                  <a:cubicBezTo>
                    <a:pt x="10159" y="17067"/>
                    <a:pt x="9487" y="16256"/>
                    <a:pt x="8892" y="16375"/>
                  </a:cubicBezTo>
                  <a:cubicBezTo>
                    <a:pt x="8257" y="16610"/>
                    <a:pt x="7897" y="17486"/>
                    <a:pt x="7720" y="18717"/>
                  </a:cubicBezTo>
                  <a:cubicBezTo>
                    <a:pt x="7482" y="17931"/>
                    <a:pt x="7136" y="17113"/>
                    <a:pt x="6547" y="17130"/>
                  </a:cubicBezTo>
                  <a:cubicBezTo>
                    <a:pt x="5936" y="17228"/>
                    <a:pt x="4594" y="18516"/>
                    <a:pt x="4227" y="19770"/>
                  </a:cubicBezTo>
                  <a:cubicBezTo>
                    <a:pt x="4251" y="18457"/>
                    <a:pt x="4213" y="17499"/>
                    <a:pt x="3687" y="16828"/>
                  </a:cubicBezTo>
                  <a:cubicBezTo>
                    <a:pt x="3241" y="16283"/>
                    <a:pt x="2307" y="16316"/>
                    <a:pt x="1022" y="16766"/>
                  </a:cubicBezTo>
                  <a:cubicBezTo>
                    <a:pt x="1694" y="16033"/>
                    <a:pt x="2395" y="15397"/>
                    <a:pt x="2350" y="14375"/>
                  </a:cubicBezTo>
                  <a:cubicBezTo>
                    <a:pt x="2247" y="12837"/>
                    <a:pt x="1381" y="12199"/>
                    <a:pt x="164" y="11946"/>
                  </a:cubicBezTo>
                  <a:cubicBezTo>
                    <a:pt x="1247" y="11753"/>
                    <a:pt x="2925" y="11432"/>
                    <a:pt x="2955" y="10597"/>
                  </a:cubicBezTo>
                  <a:cubicBezTo>
                    <a:pt x="2995" y="9651"/>
                    <a:pt x="1708" y="8029"/>
                    <a:pt x="787" y="6922"/>
                  </a:cubicBezTo>
                  <a:cubicBezTo>
                    <a:pt x="2035" y="7499"/>
                    <a:pt x="4090" y="8044"/>
                    <a:pt x="4392" y="6822"/>
                  </a:cubicBezTo>
                  <a:cubicBezTo>
                    <a:pt x="4259" y="5846"/>
                    <a:pt x="4156" y="3982"/>
                    <a:pt x="0" y="1611"/>
                  </a:cubicBezTo>
                  <a:cubicBezTo>
                    <a:pt x="4185" y="1874"/>
                    <a:pt x="5176" y="3215"/>
                    <a:pt x="6281" y="4940"/>
                  </a:cubicBezTo>
                  <a:cubicBezTo>
                    <a:pt x="6884" y="4233"/>
                    <a:pt x="6887" y="3164"/>
                    <a:pt x="6845" y="1503"/>
                  </a:cubicBezTo>
                  <a:cubicBezTo>
                    <a:pt x="7260" y="2959"/>
                    <a:pt x="7684" y="4103"/>
                    <a:pt x="8317" y="3845"/>
                  </a:cubicBezTo>
                  <a:cubicBezTo>
                    <a:pt x="8860" y="3643"/>
                    <a:pt x="8948" y="1802"/>
                    <a:pt x="8895" y="796"/>
                  </a:cubicBezTo>
                  <a:cubicBezTo>
                    <a:pt x="9124" y="1903"/>
                    <a:pt x="9399" y="3139"/>
                    <a:pt x="10482" y="3347"/>
                  </a:cubicBezTo>
                  <a:close/>
                </a:path>
              </a:pathLst>
            </a:custGeom>
            <a:solidFill>
              <a:srgbClr val="FFFFFF"/>
            </a:solidFill>
            <a:ln w="5715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 dirty="0"/>
            </a:p>
          </p:txBody>
        </p:sp>
        <p:sp>
          <p:nvSpPr>
            <p:cNvPr id="6" name="テキスト ボックス 5"/>
            <p:cNvSpPr txBox="1"/>
            <p:nvPr/>
          </p:nvSpPr>
          <p:spPr>
            <a:xfrm>
              <a:off x="-232052" y="2579491"/>
              <a:ext cx="2410059" cy="135454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ja-JP" altLang="en-US" sz="2400" dirty="0">
                  <a:solidFill>
                    <a:schemeClr val="accent5">
                      <a:lumMod val="75000"/>
                    </a:schemeClr>
                  </a:solidFill>
                  <a:latin typeface="メイリオ" pitchFamily="50" charset="-128"/>
                  <a:ea typeface="メイリオ" pitchFamily="50" charset="-128"/>
                  <a:cs typeface="メイリオ" pitchFamily="50" charset="-128"/>
                </a:rPr>
                <a:t>わたしの写真</a:t>
              </a:r>
              <a:endParaRPr lang="en-US" altLang="ja-JP" sz="2400" dirty="0">
                <a:solidFill>
                  <a:schemeClr val="accent5">
                    <a:lumMod val="75000"/>
                  </a:schemeClr>
                </a:solidFill>
                <a:latin typeface="メイリオ" pitchFamily="50" charset="-128"/>
                <a:ea typeface="メイリオ" pitchFamily="50" charset="-128"/>
                <a:cs typeface="メイリオ" pitchFamily="50" charset="-128"/>
              </a:endParaRPr>
            </a:p>
            <a:p>
              <a:r>
                <a:rPr lang="ja-JP" altLang="en-US" sz="2400" dirty="0">
                  <a:solidFill>
                    <a:schemeClr val="accent5">
                      <a:lumMod val="75000"/>
                    </a:schemeClr>
                  </a:solidFill>
                  <a:latin typeface="メイリオ" pitchFamily="50" charset="-128"/>
                  <a:ea typeface="メイリオ" pitchFamily="50" charset="-128"/>
                  <a:cs typeface="メイリオ" pitchFamily="50" charset="-128"/>
                </a:rPr>
                <a:t>かってにのせた</a:t>
              </a:r>
              <a:endParaRPr lang="en-US" altLang="ja-JP" sz="2400" dirty="0">
                <a:solidFill>
                  <a:schemeClr val="accent5">
                    <a:lumMod val="75000"/>
                  </a:schemeClr>
                </a:solidFill>
                <a:latin typeface="メイリオ" pitchFamily="50" charset="-128"/>
                <a:ea typeface="メイリオ" pitchFamily="50" charset="-128"/>
                <a:cs typeface="メイリオ" pitchFamily="50" charset="-128"/>
              </a:endParaRPr>
            </a:p>
            <a:p>
              <a:r>
                <a:rPr lang="ja-JP" altLang="en-US" sz="2400" dirty="0">
                  <a:solidFill>
                    <a:schemeClr val="accent5">
                      <a:lumMod val="75000"/>
                    </a:schemeClr>
                  </a:solidFill>
                  <a:latin typeface="メイリオ" pitchFamily="50" charset="-128"/>
                  <a:ea typeface="メイリオ" pitchFamily="50" charset="-128"/>
                  <a:cs typeface="メイリオ" pitchFamily="50" charset="-128"/>
                </a:rPr>
                <a:t>でしょ！</a:t>
              </a:r>
              <a:endParaRPr lang="en-US" altLang="ja-JP" sz="2400" dirty="0">
                <a:solidFill>
                  <a:schemeClr val="accent5">
                    <a:lumMod val="75000"/>
                  </a:schemeClr>
                </a:solidFill>
                <a:latin typeface="メイリオ" pitchFamily="50" charset="-128"/>
                <a:ea typeface="メイリオ" pitchFamily="50" charset="-128"/>
                <a:cs typeface="メイリオ" pitchFamily="50" charset="-128"/>
              </a:endParaRPr>
            </a:p>
          </p:txBody>
        </p:sp>
      </p:grpSp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195D85F1-8E23-F7E6-61EE-A8510E429685}"/>
              </a:ext>
            </a:extLst>
          </p:cNvPr>
          <p:cNvSpPr txBox="1"/>
          <p:nvPr/>
        </p:nvSpPr>
        <p:spPr>
          <a:xfrm>
            <a:off x="2715114" y="859848"/>
            <a:ext cx="93217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み　なみ</a:t>
            </a:r>
          </a:p>
        </p:txBody>
      </p:sp>
      <p:sp>
        <p:nvSpPr>
          <p:cNvPr id="13" name="テキスト ボックス 12">
            <a:extLst>
              <a:ext uri="{FF2B5EF4-FFF2-40B4-BE49-F238E27FC236}">
                <a16:creationId xmlns:a16="http://schemas.microsoft.com/office/drawing/2014/main" id="{9669842D-10DF-A105-2F11-D643C5A18D57}"/>
              </a:ext>
            </a:extLst>
          </p:cNvPr>
          <p:cNvSpPr txBox="1"/>
          <p:nvPr/>
        </p:nvSpPr>
        <p:spPr>
          <a:xfrm>
            <a:off x="31773" y="1425359"/>
            <a:ext cx="99818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しゃ　しん</a:t>
            </a:r>
          </a:p>
        </p:txBody>
      </p:sp>
      <p:sp>
        <p:nvSpPr>
          <p:cNvPr id="14" name="テキスト ボックス 13">
            <a:extLst>
              <a:ext uri="{FF2B5EF4-FFF2-40B4-BE49-F238E27FC236}">
                <a16:creationId xmlns:a16="http://schemas.microsoft.com/office/drawing/2014/main" id="{85E4F602-84DE-CFA6-9918-7D87A55232E5}"/>
              </a:ext>
            </a:extLst>
          </p:cNvPr>
          <p:cNvSpPr txBox="1"/>
          <p:nvPr/>
        </p:nvSpPr>
        <p:spPr>
          <a:xfrm>
            <a:off x="4609214" y="1425359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dist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せ</a:t>
            </a:r>
          </a:p>
        </p:txBody>
      </p:sp>
      <p:sp>
        <p:nvSpPr>
          <p:cNvPr id="15" name="テキスト ボックス 14">
            <a:extLst>
              <a:ext uri="{FF2B5EF4-FFF2-40B4-BE49-F238E27FC236}">
                <a16:creationId xmlns:a16="http://schemas.microsoft.com/office/drawing/2014/main" id="{A839FC5F-5AC3-B2A7-C463-E4007EADBA2C}"/>
              </a:ext>
            </a:extLst>
          </p:cNvPr>
          <p:cNvSpPr txBox="1"/>
          <p:nvPr/>
        </p:nvSpPr>
        <p:spPr>
          <a:xfrm>
            <a:off x="1912394" y="2527015"/>
            <a:ext cx="83690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accent5">
                    <a:lumMod val="50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しゃ　しん</a:t>
            </a:r>
          </a:p>
        </p:txBody>
      </p:sp>
      <p:sp>
        <p:nvSpPr>
          <p:cNvPr id="16" name="テキスト ボックス 15">
            <a:extLst>
              <a:ext uri="{FF2B5EF4-FFF2-40B4-BE49-F238E27FC236}">
                <a16:creationId xmlns:a16="http://schemas.microsoft.com/office/drawing/2014/main" id="{A903BC98-980E-8245-B97F-014E53A8AC3D}"/>
              </a:ext>
            </a:extLst>
          </p:cNvPr>
          <p:cNvSpPr txBox="1"/>
          <p:nvPr/>
        </p:nvSpPr>
        <p:spPr>
          <a:xfrm>
            <a:off x="506757" y="4757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しゃ　しん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811458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グループ化 4"/>
          <p:cNvGrpSpPr/>
          <p:nvPr/>
        </p:nvGrpSpPr>
        <p:grpSpPr>
          <a:xfrm>
            <a:off x="137594" y="2148886"/>
            <a:ext cx="8720400" cy="2647170"/>
            <a:chOff x="137594" y="2148886"/>
            <a:chExt cx="8720400" cy="2647170"/>
          </a:xfrm>
        </p:grpSpPr>
        <p:grpSp>
          <p:nvGrpSpPr>
            <p:cNvPr id="4" name="グループ化 3"/>
            <p:cNvGrpSpPr/>
            <p:nvPr/>
          </p:nvGrpSpPr>
          <p:grpSpPr>
            <a:xfrm>
              <a:off x="286007" y="2397102"/>
              <a:ext cx="8571987" cy="2162198"/>
              <a:chOff x="286007" y="2397102"/>
              <a:chExt cx="8571987" cy="2162198"/>
            </a:xfrm>
          </p:grpSpPr>
          <p:sp>
            <p:nvSpPr>
              <p:cNvPr id="20" name="角丸四角形 19"/>
              <p:cNvSpPr/>
              <p:nvPr/>
            </p:nvSpPr>
            <p:spPr>
              <a:xfrm>
                <a:off x="286007" y="2397102"/>
                <a:ext cx="8571987" cy="2162198"/>
              </a:xfrm>
              <a:prstGeom prst="round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ln w="38100" cap="rnd" cmpd="sng" algn="ctr">
                <a:solidFill>
                  <a:schemeClr val="accent6"/>
                </a:solidFill>
                <a:prstDash val="solid"/>
              </a:ln>
              <a:effectLst/>
            </p:spPr>
            <p:txBody>
              <a:bodyPr anchor="ctr"/>
              <a:lstStyle/>
              <a:p>
                <a:pPr marL="0" marR="0" lvl="0" indent="0" defTabSz="91440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ja-JP" altLang="en-US" sz="1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ＭＳ Ｐゴシック" panose="020B0600070205080204" pitchFamily="50" charset="-128"/>
                  <a:cs typeface="+mn-cs"/>
                </a:endParaRPr>
              </a:p>
            </p:txBody>
          </p:sp>
          <p:sp>
            <p:nvSpPr>
              <p:cNvPr id="55" name="テキスト ボックス 54"/>
              <p:cNvSpPr txBox="1"/>
              <p:nvPr/>
            </p:nvSpPr>
            <p:spPr>
              <a:xfrm>
                <a:off x="3349176" y="2593789"/>
                <a:ext cx="5443601" cy="178510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お友達の写真を</a:t>
                </a:r>
                <a:r>
                  <a:rPr lang="en-US" altLang="ja-JP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SNS</a:t>
                </a: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などにかってに公開してはいけま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せん。それは、お友達にとっては「ほかの人に見られたく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ないな」と思うすがたかもしれませんし、写真が原因で、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名前や住所がひろまってしまう可能性もあるからです。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</p:txBody>
          </p:sp>
        </p:grpSp>
        <p:grpSp>
          <p:nvGrpSpPr>
            <p:cNvPr id="25" name="グループ化 24">
              <a:extLst>
                <a:ext uri="{FF2B5EF4-FFF2-40B4-BE49-F238E27FC236}">
                  <a16:creationId xmlns:a16="http://schemas.microsoft.com/office/drawing/2014/main" id="{3A901D65-5A82-4659-A197-0B8B1111B9DB}"/>
                </a:ext>
              </a:extLst>
            </p:cNvPr>
            <p:cNvGrpSpPr>
              <a:grpSpLocks noChangeAspect="1"/>
            </p:cNvGrpSpPr>
            <p:nvPr/>
          </p:nvGrpSpPr>
          <p:grpSpPr>
            <a:xfrm rot="21159405">
              <a:off x="798237" y="2148886"/>
              <a:ext cx="2514286" cy="2514286"/>
              <a:chOff x="-3601678" y="2091290"/>
              <a:chExt cx="3620445" cy="3620445"/>
            </a:xfrm>
          </p:grpSpPr>
          <p:sp>
            <p:nvSpPr>
              <p:cNvPr id="31" name="正方形/長方形 30">
                <a:extLst>
                  <a:ext uri="{FF2B5EF4-FFF2-40B4-BE49-F238E27FC236}">
                    <a16:creationId xmlns:a16="http://schemas.microsoft.com/office/drawing/2014/main" id="{2A236010-CF32-4C72-9211-D808DD6A1971}"/>
                  </a:ext>
                </a:extLst>
              </p:cNvPr>
              <p:cNvSpPr/>
              <p:nvPr/>
            </p:nvSpPr>
            <p:spPr>
              <a:xfrm>
                <a:off x="-3497237" y="2494769"/>
                <a:ext cx="3438000" cy="2664000"/>
              </a:xfrm>
              <a:prstGeom prst="rect">
                <a:avLst/>
              </a:prstGeom>
              <a:solidFill>
                <a:schemeClr val="bg1"/>
              </a:solidFill>
              <a:ln/>
            </p:spPr>
            <p:style>
              <a:lnRef idx="0">
                <a:schemeClr val="accent5"/>
              </a:lnRef>
              <a:fillRef idx="3">
                <a:schemeClr val="accent5"/>
              </a:fillRef>
              <a:effectRef idx="3">
                <a:schemeClr val="accent5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 dirty="0">
                  <a:solidFill>
                    <a:schemeClr val="tx1"/>
                  </a:solidFill>
                </a:endParaRPr>
              </a:p>
            </p:txBody>
          </p:sp>
          <p:pic>
            <p:nvPicPr>
              <p:cNvPr id="32" name="図 31">
                <a:extLst>
                  <a:ext uri="{FF2B5EF4-FFF2-40B4-BE49-F238E27FC236}">
                    <a16:creationId xmlns:a16="http://schemas.microsoft.com/office/drawing/2014/main" id="{839CEE15-1B8B-47A2-A85A-9CB3965BDDF3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-3601678" y="2091290"/>
                <a:ext cx="3620445" cy="3620445"/>
              </a:xfrm>
              <a:prstGeom prst="rect">
                <a:avLst/>
              </a:prstGeom>
            </p:spPr>
          </p:pic>
        </p:grpSp>
        <p:sp>
          <p:nvSpPr>
            <p:cNvPr id="36" name="円/楕円 60"/>
            <p:cNvSpPr/>
            <p:nvPr/>
          </p:nvSpPr>
          <p:spPr>
            <a:xfrm>
              <a:off x="1371301" y="3828511"/>
              <a:ext cx="1988782" cy="967545"/>
            </a:xfrm>
            <a:prstGeom prst="ellipse">
              <a:avLst/>
            </a:prstGeom>
            <a:solidFill>
              <a:srgbClr val="004DA0"/>
            </a:solidFill>
            <a:ln>
              <a:noFill/>
            </a:ln>
            <a:scene3d>
              <a:camera prst="orthographicFront">
                <a:rot lat="0" lon="0" rev="0"/>
              </a:camera>
              <a:lightRig rig="threePt" dir="t"/>
            </a:scene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tIns="144000" bIns="0" rtlCol="0" anchor="ctr"/>
            <a:lstStyle/>
            <a:p>
              <a:pPr algn="ctr">
                <a:spcAft>
                  <a:spcPts val="1000"/>
                </a:spcAft>
              </a:pPr>
              <a:r>
                <a:rPr lang="ja-JP" altLang="en-US" sz="1600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個人情報が</a:t>
              </a:r>
              <a:br>
                <a:rPr lang="en-US" altLang="ja-JP" sz="1600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</a:br>
              <a:r>
                <a:rPr lang="ja-JP" altLang="en-US" sz="1600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うつってしまう</a:t>
              </a:r>
              <a:endParaRPr lang="en-US" altLang="ja-JP" sz="1600" dirty="0">
                <a:solidFill>
                  <a:schemeClr val="bg1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  <p:sp>
          <p:nvSpPr>
            <p:cNvPr id="38" name="円/楕円 60"/>
            <p:cNvSpPr/>
            <p:nvPr/>
          </p:nvSpPr>
          <p:spPr>
            <a:xfrm>
              <a:off x="137594" y="2258267"/>
              <a:ext cx="1945835" cy="828986"/>
            </a:xfrm>
            <a:prstGeom prst="ellipse">
              <a:avLst/>
            </a:prstGeom>
            <a:solidFill>
              <a:srgbClr val="004DA0"/>
            </a:solidFill>
            <a:ln>
              <a:noFill/>
            </a:ln>
            <a:scene3d>
              <a:camera prst="orthographicFront">
                <a:rot lat="0" lon="0" rev="0"/>
              </a:camera>
              <a:lightRig rig="threePt" dir="t"/>
            </a:scene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tIns="108000" bIns="36000" rtlCol="0" anchor="ctr"/>
            <a:lstStyle/>
            <a:p>
              <a:pPr algn="ctr">
                <a:spcAft>
                  <a:spcPts val="1000"/>
                </a:spcAft>
              </a:pPr>
              <a:r>
                <a:rPr lang="ja-JP" altLang="en-US" sz="1600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とったところから</a:t>
              </a:r>
              <a:endParaRPr lang="en-US" altLang="ja-JP" sz="1600" dirty="0">
                <a:solidFill>
                  <a:schemeClr val="bg1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>
                <a:spcAft>
                  <a:spcPts val="1000"/>
                </a:spcAft>
              </a:pPr>
              <a:r>
                <a:rPr lang="ja-JP" altLang="en-US" sz="1600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住所がばれる</a:t>
              </a:r>
            </a:p>
          </p:txBody>
        </p:sp>
      </p:grpSp>
      <p:sp>
        <p:nvSpPr>
          <p:cNvPr id="3" name="タイトル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3.</a:t>
            </a:r>
            <a:r>
              <a:rPr lang="ja-JP" altLang="en-US" dirty="0"/>
              <a:t>写真をアップするときは</a:t>
            </a:r>
            <a:endParaRPr lang="ja-JP" altLang="en-US" dirty="0">
              <a:latin typeface="Meiryo UI" panose="020B0604030504040204" pitchFamily="50" charset="-128"/>
              <a:ea typeface="Meiryo UI" panose="020B0604030504040204" pitchFamily="50" charset="-128"/>
              <a:cs typeface="Meiryo UI" panose="020B0604030504040204" pitchFamily="50" charset="-128"/>
            </a:endParaRPr>
          </a:p>
        </p:txBody>
      </p:sp>
      <p:grpSp>
        <p:nvGrpSpPr>
          <p:cNvPr id="7" name="グループ化 6"/>
          <p:cNvGrpSpPr/>
          <p:nvPr/>
        </p:nvGrpSpPr>
        <p:grpSpPr>
          <a:xfrm>
            <a:off x="286006" y="4355053"/>
            <a:ext cx="8839789" cy="2314086"/>
            <a:chOff x="286007" y="4367462"/>
            <a:chExt cx="8839789" cy="2314086"/>
          </a:xfrm>
        </p:grpSpPr>
        <p:grpSp>
          <p:nvGrpSpPr>
            <p:cNvPr id="6" name="グループ化 5"/>
            <p:cNvGrpSpPr/>
            <p:nvPr/>
          </p:nvGrpSpPr>
          <p:grpSpPr>
            <a:xfrm>
              <a:off x="286007" y="4869127"/>
              <a:ext cx="8571987" cy="1812421"/>
              <a:chOff x="286007" y="4855948"/>
              <a:chExt cx="8571987" cy="1812421"/>
            </a:xfrm>
          </p:grpSpPr>
          <p:sp>
            <p:nvSpPr>
              <p:cNvPr id="42" name="角丸四角形 41"/>
              <p:cNvSpPr/>
              <p:nvPr/>
            </p:nvSpPr>
            <p:spPr>
              <a:xfrm>
                <a:off x="286007" y="4855948"/>
                <a:ext cx="8571987" cy="181242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 w="38100" cap="rnd" cmpd="sng" algn="ctr">
                <a:solidFill>
                  <a:schemeClr val="accent2"/>
                </a:solidFill>
                <a:prstDash val="solid"/>
              </a:ln>
              <a:effectLst/>
            </p:spPr>
            <p:txBody>
              <a:bodyPr anchor="ctr"/>
              <a:lstStyle/>
              <a:p>
                <a:pPr marL="0" marR="0" lvl="0" indent="0" defTabSz="91440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ja-JP" altLang="en-US" sz="1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ＭＳ Ｐゴシック" panose="020B0600070205080204" pitchFamily="50" charset="-128"/>
                  <a:cs typeface="+mn-cs"/>
                </a:endParaRPr>
              </a:p>
            </p:txBody>
          </p:sp>
          <p:sp>
            <p:nvSpPr>
              <p:cNvPr id="44" name="テキスト ボックス 43"/>
              <p:cNvSpPr txBox="1"/>
              <p:nvPr/>
            </p:nvSpPr>
            <p:spPr>
              <a:xfrm>
                <a:off x="411449" y="4936672"/>
                <a:ext cx="5370516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</p:txBody>
          </p:sp>
        </p:grpSp>
        <p:sp>
          <p:nvSpPr>
            <p:cNvPr id="17" name="テキスト ボックス 16"/>
            <p:cNvSpPr txBox="1"/>
            <p:nvPr/>
          </p:nvSpPr>
          <p:spPr>
            <a:xfrm>
              <a:off x="350835" y="5049498"/>
              <a:ext cx="6247722" cy="15799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000"/>
                </a:spcAft>
              </a:pPr>
              <a:r>
                <a:rPr lang="ja-JP" altLang="en-US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写真や動画には、いろいろな情報がふくまれていて、</a:t>
              </a:r>
              <a:br>
                <a: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</a:br>
              <a:r>
                <a:rPr lang="ja-JP" altLang="en-US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インターネット上にアップするとキケンなことがたくさんあります。</a:t>
              </a:r>
              <a:endParaRPr lang="en-US" altLang="ja-JP" sz="2000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000"/>
                </a:spcAft>
              </a:pPr>
              <a:r>
                <a: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SNS</a:t>
              </a:r>
              <a:r>
                <a:rPr lang="ja-JP" altLang="en-US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に写真をアップしたいときは、うつっている本人は</a:t>
              </a:r>
              <a:endParaRPr lang="en-US" altLang="ja-JP" sz="2000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000"/>
                </a:spcAft>
              </a:pPr>
              <a:r>
                <a:rPr lang="ja-JP" altLang="en-US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もちろん、家の人にも確認してもらうようにしましょう。</a:t>
              </a:r>
              <a:endParaRPr lang="en-US" altLang="ja-JP" sz="2000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</p:txBody>
        </p:sp>
        <p:sp>
          <p:nvSpPr>
            <p:cNvPr id="26" name="雲 31"/>
            <p:cNvSpPr/>
            <p:nvPr/>
          </p:nvSpPr>
          <p:spPr>
            <a:xfrm rot="101497" flipH="1">
              <a:off x="7169960" y="4443744"/>
              <a:ext cx="1955836" cy="983373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12 w 43256"/>
                <a:gd name="connsiteY13" fmla="*/ 35606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80" y="30755"/>
                    <a:pt x="37355" y="31595"/>
                    <a:pt x="37012" y="32109"/>
                  </a:cubicBezTo>
                  <a:cubicBezTo>
                    <a:pt x="37971" y="31489"/>
                    <a:pt x="40489" y="32793"/>
                    <a:pt x="39313" y="36007"/>
                  </a:cubicBezTo>
                  <a:cubicBezTo>
                    <a:pt x="38504" y="38128"/>
                    <a:pt x="35744" y="37404"/>
                    <a:pt x="36050" y="35003"/>
                  </a:cubicBezTo>
                  <a:cubicBezTo>
                    <a:pt x="35764" y="35454"/>
                    <a:pt x="35423" y="35938"/>
                    <a:pt x="35118" y="36183"/>
                  </a:cubicBezTo>
                  <a:cubicBezTo>
                    <a:pt x="34125" y="36981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solidFill>
              <a:srgbClr val="FFFFFF"/>
            </a:solidFill>
            <a:ln w="38100">
              <a:solidFill>
                <a:schemeClr val="accent2"/>
              </a:solidFill>
              <a:round/>
            </a:ln>
          </p:spPr>
          <p:style>
            <a:lnRef idx="2">
              <a:schemeClr val="accent4"/>
            </a:lnRef>
            <a:fillRef idx="1">
              <a:schemeClr val="lt1"/>
            </a:fillRef>
            <a:effectRef idx="0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ja-JP" altLang="en-US" dirty="0">
                <a:solidFill>
                  <a:schemeClr val="dk1"/>
                </a:solidFill>
              </a:endParaRPr>
            </a:p>
          </p:txBody>
        </p:sp>
        <p:pic>
          <p:nvPicPr>
            <p:cNvPr id="27" name="図 26">
              <a:extLst>
                <a:ext uri="{FF2B5EF4-FFF2-40B4-BE49-F238E27FC236}">
                  <a16:creationId xmlns:a16="http://schemas.microsoft.com/office/drawing/2014/main" id="{9DD7B105-A49F-4D72-96C0-417046CE9123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5578618" y="4367462"/>
              <a:ext cx="2285811" cy="2285811"/>
            </a:xfrm>
            <a:prstGeom prst="rect">
              <a:avLst/>
            </a:prstGeom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</p:pic>
        <p:sp>
          <p:nvSpPr>
            <p:cNvPr id="28" name="テキスト ボックス 27"/>
            <p:cNvSpPr txBox="1"/>
            <p:nvPr/>
          </p:nvSpPr>
          <p:spPr>
            <a:xfrm rot="306793">
              <a:off x="7119431" y="4609846"/>
              <a:ext cx="1932981" cy="71301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spcAft>
                  <a:spcPts val="1000"/>
                </a:spcAft>
              </a:pPr>
              <a:r>
                <a:rPr lang="ja-JP" altLang="en-US" sz="16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ちゃんとみんなに</a:t>
              </a:r>
              <a:endParaRPr lang="en-US" altLang="ja-JP" sz="1600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>
                <a:spcAft>
                  <a:spcPts val="1000"/>
                </a:spcAft>
              </a:pPr>
              <a:r>
                <a:rPr lang="ja-JP" altLang="en-US" sz="16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確認しよう</a:t>
              </a:r>
            </a:p>
          </p:txBody>
        </p:sp>
        <p:sp>
          <p:nvSpPr>
            <p:cNvPr id="29" name="円/楕円 65"/>
            <p:cNvSpPr/>
            <p:nvPr/>
          </p:nvSpPr>
          <p:spPr>
            <a:xfrm rot="299488" flipH="1">
              <a:off x="7362899" y="5294657"/>
              <a:ext cx="107390" cy="89297"/>
            </a:xfrm>
            <a:prstGeom prst="ellipse">
              <a:avLst/>
            </a:prstGeom>
            <a:solidFill>
              <a:srgbClr val="FFFFFF">
                <a:alpha val="80000"/>
              </a:srgbClr>
            </a:solidFill>
            <a:ln w="38100">
              <a:solidFill>
                <a:schemeClr val="accent2"/>
              </a:solidFill>
              <a:round/>
            </a:ln>
          </p:spPr>
          <p:style>
            <a:lnRef idx="2">
              <a:schemeClr val="accent4"/>
            </a:lnRef>
            <a:fillRef idx="1">
              <a:schemeClr val="lt1"/>
            </a:fillRef>
            <a:effectRef idx="0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ja-JP" altLang="en-US"/>
            </a:p>
          </p:txBody>
        </p:sp>
        <p:sp>
          <p:nvSpPr>
            <p:cNvPr id="30" name="円/楕円 65"/>
            <p:cNvSpPr/>
            <p:nvPr/>
          </p:nvSpPr>
          <p:spPr>
            <a:xfrm rot="299488" flipH="1">
              <a:off x="7320979" y="5428993"/>
              <a:ext cx="49219" cy="53595"/>
            </a:xfrm>
            <a:prstGeom prst="ellipse">
              <a:avLst/>
            </a:prstGeom>
            <a:solidFill>
              <a:srgbClr val="FFFFFF">
                <a:alpha val="80000"/>
              </a:srgbClr>
            </a:solidFill>
            <a:ln w="38100">
              <a:solidFill>
                <a:schemeClr val="accent2"/>
              </a:solidFill>
              <a:round/>
            </a:ln>
          </p:spPr>
          <p:style>
            <a:lnRef idx="2">
              <a:schemeClr val="accent4"/>
            </a:lnRef>
            <a:fillRef idx="1">
              <a:schemeClr val="lt1"/>
            </a:fillRef>
            <a:effectRef idx="0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ja-JP" altLang="en-US"/>
            </a:p>
          </p:txBody>
        </p:sp>
      </p:grpSp>
      <p:sp>
        <p:nvSpPr>
          <p:cNvPr id="33" name="ドーナツ 32"/>
          <p:cNvSpPr/>
          <p:nvPr/>
        </p:nvSpPr>
        <p:spPr>
          <a:xfrm>
            <a:off x="7389488" y="5398483"/>
            <a:ext cx="1411156" cy="1409144"/>
          </a:xfrm>
          <a:prstGeom prst="donut">
            <a:avLst>
              <a:gd name="adj" fmla="val 16648"/>
            </a:avLst>
          </a:prstGeom>
          <a:solidFill>
            <a:schemeClr val="bg1">
              <a:alpha val="80000"/>
            </a:schemeClr>
          </a:solidFill>
          <a:ln w="38100">
            <a:solidFill>
              <a:schemeClr val="tx1">
                <a:alpha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endParaRPr lang="ja-JP" altLang="en-US" dirty="0"/>
          </a:p>
        </p:txBody>
      </p:sp>
      <p:grpSp>
        <p:nvGrpSpPr>
          <p:cNvPr id="8" name="グループ化 7">
            <a:extLst>
              <a:ext uri="{FF2B5EF4-FFF2-40B4-BE49-F238E27FC236}">
                <a16:creationId xmlns:a16="http://schemas.microsoft.com/office/drawing/2014/main" id="{AE63FA3B-6AF2-48B7-4C18-4EBA88B5E248}"/>
              </a:ext>
            </a:extLst>
          </p:cNvPr>
          <p:cNvGrpSpPr/>
          <p:nvPr/>
        </p:nvGrpSpPr>
        <p:grpSpPr>
          <a:xfrm>
            <a:off x="672641" y="387544"/>
            <a:ext cx="7625858" cy="2143125"/>
            <a:chOff x="672641" y="387544"/>
            <a:chExt cx="7625858" cy="2143125"/>
          </a:xfrm>
        </p:grpSpPr>
        <p:grpSp>
          <p:nvGrpSpPr>
            <p:cNvPr id="9" name="グループ化 8">
              <a:extLst>
                <a:ext uri="{FF2B5EF4-FFF2-40B4-BE49-F238E27FC236}">
                  <a16:creationId xmlns:a16="http://schemas.microsoft.com/office/drawing/2014/main" id="{42D8DF0F-A3E7-9804-1054-DD698B1AFE7F}"/>
                </a:ext>
              </a:extLst>
            </p:cNvPr>
            <p:cNvGrpSpPr/>
            <p:nvPr/>
          </p:nvGrpSpPr>
          <p:grpSpPr>
            <a:xfrm>
              <a:off x="672641" y="387544"/>
              <a:ext cx="7625858" cy="2143125"/>
              <a:chOff x="672641" y="425644"/>
              <a:chExt cx="7625858" cy="2143125"/>
            </a:xfrm>
          </p:grpSpPr>
          <p:pic>
            <p:nvPicPr>
              <p:cNvPr id="11" name="図 10">
                <a:extLst>
                  <a:ext uri="{FF2B5EF4-FFF2-40B4-BE49-F238E27FC236}">
                    <a16:creationId xmlns:a16="http://schemas.microsoft.com/office/drawing/2014/main" id="{6E73C212-1679-13B5-F4EA-34EE90AE30DF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6146802" y="425644"/>
                <a:ext cx="2151697" cy="2143125"/>
              </a:xfrm>
              <a:prstGeom prst="rect">
                <a:avLst/>
              </a:prstGeom>
            </p:spPr>
          </p:pic>
          <p:grpSp>
            <p:nvGrpSpPr>
              <p:cNvPr id="12" name="グループ化 11">
                <a:extLst>
                  <a:ext uri="{FF2B5EF4-FFF2-40B4-BE49-F238E27FC236}">
                    <a16:creationId xmlns:a16="http://schemas.microsoft.com/office/drawing/2014/main" id="{F7182AB0-BECE-9999-1474-39AACAA94D26}"/>
                  </a:ext>
                </a:extLst>
              </p:cNvPr>
              <p:cNvGrpSpPr/>
              <p:nvPr/>
            </p:nvGrpSpPr>
            <p:grpSpPr>
              <a:xfrm>
                <a:off x="672641" y="1103650"/>
                <a:ext cx="5661177" cy="1111992"/>
                <a:chOff x="672641" y="1103650"/>
                <a:chExt cx="5661177" cy="1111992"/>
              </a:xfrm>
            </p:grpSpPr>
            <p:sp>
              <p:nvSpPr>
                <p:cNvPr id="13" name="角丸四角形 28">
                  <a:extLst>
                    <a:ext uri="{FF2B5EF4-FFF2-40B4-BE49-F238E27FC236}">
                      <a16:creationId xmlns:a16="http://schemas.microsoft.com/office/drawing/2014/main" id="{1DD10A5F-4CD6-EAC1-2FF2-AD864B3E9AB7}"/>
                    </a:ext>
                  </a:extLst>
                </p:cNvPr>
                <p:cNvSpPr/>
                <p:nvPr/>
              </p:nvSpPr>
              <p:spPr>
                <a:xfrm>
                  <a:off x="672641" y="1103650"/>
                  <a:ext cx="5661177" cy="1111992"/>
                </a:xfrm>
                <a:custGeom>
                  <a:avLst/>
                  <a:gdLst>
                    <a:gd name="connsiteX0" fmla="*/ 0 w 6516914"/>
                    <a:gd name="connsiteY0" fmla="*/ 555996 h 1111992"/>
                    <a:gd name="connsiteX1" fmla="*/ 555996 w 6516914"/>
                    <a:gd name="connsiteY1" fmla="*/ 0 h 1111992"/>
                    <a:gd name="connsiteX2" fmla="*/ 5960918 w 6516914"/>
                    <a:gd name="connsiteY2" fmla="*/ 0 h 1111992"/>
                    <a:gd name="connsiteX3" fmla="*/ 6516914 w 6516914"/>
                    <a:gd name="connsiteY3" fmla="*/ 555996 h 1111992"/>
                    <a:gd name="connsiteX4" fmla="*/ 6516914 w 6516914"/>
                    <a:gd name="connsiteY4" fmla="*/ 555996 h 1111992"/>
                    <a:gd name="connsiteX5" fmla="*/ 5960918 w 6516914"/>
                    <a:gd name="connsiteY5" fmla="*/ 1111992 h 1111992"/>
                    <a:gd name="connsiteX6" fmla="*/ 555996 w 6516914"/>
                    <a:gd name="connsiteY6" fmla="*/ 1111992 h 1111992"/>
                    <a:gd name="connsiteX7" fmla="*/ 0 w 6516914"/>
                    <a:gd name="connsiteY7" fmla="*/ 555996 h 1111992"/>
                    <a:gd name="connsiteX0" fmla="*/ 0 w 6555491"/>
                    <a:gd name="connsiteY0" fmla="*/ 555996 h 1111992"/>
                    <a:gd name="connsiteX1" fmla="*/ 555996 w 6555491"/>
                    <a:gd name="connsiteY1" fmla="*/ 0 h 1111992"/>
                    <a:gd name="connsiteX2" fmla="*/ 5960918 w 6555491"/>
                    <a:gd name="connsiteY2" fmla="*/ 0 h 1111992"/>
                    <a:gd name="connsiteX3" fmla="*/ 6478814 w 6555491"/>
                    <a:gd name="connsiteY3" fmla="*/ 350218 h 1111992"/>
                    <a:gd name="connsiteX4" fmla="*/ 6516914 w 6555491"/>
                    <a:gd name="connsiteY4" fmla="*/ 555996 h 1111992"/>
                    <a:gd name="connsiteX5" fmla="*/ 6516914 w 6555491"/>
                    <a:gd name="connsiteY5" fmla="*/ 555996 h 1111992"/>
                    <a:gd name="connsiteX6" fmla="*/ 5960918 w 6555491"/>
                    <a:gd name="connsiteY6" fmla="*/ 1111992 h 1111992"/>
                    <a:gd name="connsiteX7" fmla="*/ 555996 w 6555491"/>
                    <a:gd name="connsiteY7" fmla="*/ 1111992 h 1111992"/>
                    <a:gd name="connsiteX8" fmla="*/ 0 w 6555491"/>
                    <a:gd name="connsiteY8" fmla="*/ 555996 h 1111992"/>
                    <a:gd name="connsiteX0" fmla="*/ 0 w 6562480"/>
                    <a:gd name="connsiteY0" fmla="*/ 555996 h 1111992"/>
                    <a:gd name="connsiteX1" fmla="*/ 555996 w 6562480"/>
                    <a:gd name="connsiteY1" fmla="*/ 0 h 1111992"/>
                    <a:gd name="connsiteX2" fmla="*/ 5960918 w 6562480"/>
                    <a:gd name="connsiteY2" fmla="*/ 0 h 1111992"/>
                    <a:gd name="connsiteX3" fmla="*/ 6478814 w 6562480"/>
                    <a:gd name="connsiteY3" fmla="*/ 350218 h 1111992"/>
                    <a:gd name="connsiteX4" fmla="*/ 6516914 w 6562480"/>
                    <a:gd name="connsiteY4" fmla="*/ 555996 h 1111992"/>
                    <a:gd name="connsiteX5" fmla="*/ 6516914 w 6562480"/>
                    <a:gd name="connsiteY5" fmla="*/ 555996 h 1111992"/>
                    <a:gd name="connsiteX6" fmla="*/ 6491514 w 6562480"/>
                    <a:gd name="connsiteY6" fmla="*/ 756618 h 1111992"/>
                    <a:gd name="connsiteX7" fmla="*/ 5960918 w 6562480"/>
                    <a:gd name="connsiteY7" fmla="*/ 1111992 h 1111992"/>
                    <a:gd name="connsiteX8" fmla="*/ 555996 w 6562480"/>
                    <a:gd name="connsiteY8" fmla="*/ 1111992 h 1111992"/>
                    <a:gd name="connsiteX9" fmla="*/ 0 w 6562480"/>
                    <a:gd name="connsiteY9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6516914 w 7063014"/>
                    <a:gd name="connsiteY4" fmla="*/ 555996 h 1111992"/>
                    <a:gd name="connsiteX5" fmla="*/ 7063014 w 7063014"/>
                    <a:gd name="connsiteY5" fmla="*/ 555996 h 1111992"/>
                    <a:gd name="connsiteX6" fmla="*/ 6491514 w 7063014"/>
                    <a:gd name="connsiteY6" fmla="*/ 756618 h 1111992"/>
                    <a:gd name="connsiteX7" fmla="*/ 5960918 w 7063014"/>
                    <a:gd name="connsiteY7" fmla="*/ 1111992 h 1111992"/>
                    <a:gd name="connsiteX8" fmla="*/ 555996 w 7063014"/>
                    <a:gd name="connsiteY8" fmla="*/ 1111992 h 1111992"/>
                    <a:gd name="connsiteX9" fmla="*/ 0 w 7063014"/>
                    <a:gd name="connsiteY9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7566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  <a:cxn ang="0">
                      <a:pos x="connsiteX6" y="connsiteY6"/>
                    </a:cxn>
                    <a:cxn ang="0">
                      <a:pos x="connsiteX7" y="connsiteY7"/>
                    </a:cxn>
                    <a:cxn ang="0">
                      <a:pos x="connsiteX8" y="connsiteY8"/>
                    </a:cxn>
                  </a:cxnLst>
                  <a:rect l="l" t="t" r="r" b="b"/>
                  <a:pathLst>
                    <a:path w="7063014" h="1111992">
                      <a:moveTo>
                        <a:pt x="0" y="555996"/>
                      </a:moveTo>
                      <a:cubicBezTo>
                        <a:pt x="0" y="248928"/>
                        <a:pt x="248928" y="0"/>
                        <a:pt x="555996" y="0"/>
                      </a:cubicBezTo>
                      <a:lnTo>
                        <a:pt x="5960918" y="0"/>
                      </a:lnTo>
                      <a:cubicBezTo>
                        <a:pt x="6509904" y="58370"/>
                        <a:pt x="6434832" y="314702"/>
                        <a:pt x="6491514" y="407368"/>
                      </a:cubicBezTo>
                      <a:cubicBezTo>
                        <a:pt x="6675196" y="500034"/>
                        <a:pt x="6825947" y="558113"/>
                        <a:pt x="7063014" y="555996"/>
                      </a:cubicBezTo>
                      <a:cubicBezTo>
                        <a:pt x="6855581" y="725329"/>
                        <a:pt x="6622280" y="714752"/>
                        <a:pt x="6491514" y="693118"/>
                      </a:cubicBezTo>
                      <a:cubicBezTo>
                        <a:pt x="6544898" y="849284"/>
                        <a:pt x="6385021" y="1078163"/>
                        <a:pt x="5960918" y="1111992"/>
                      </a:cubicBezTo>
                      <a:lnTo>
                        <a:pt x="555996" y="1111992"/>
                      </a:lnTo>
                      <a:cubicBezTo>
                        <a:pt x="248928" y="1111992"/>
                        <a:pt x="0" y="863064"/>
                        <a:pt x="0" y="555996"/>
                      </a:cubicBezTo>
                      <a:close/>
                    </a:path>
                  </a:pathLst>
                </a:custGeom>
                <a:ln w="38100"/>
              </p:spPr>
              <p:style>
                <a:lnRef idx="2">
                  <a:schemeClr val="accent6"/>
                </a:lnRef>
                <a:fillRef idx="1">
                  <a:schemeClr val="lt1"/>
                </a:fillRef>
                <a:effectRef idx="0">
                  <a:schemeClr val="accent6"/>
                </a:effectRef>
                <a:fontRef idx="minor">
                  <a:schemeClr val="dk1"/>
                </a:fontRef>
              </p:style>
              <p:txBody>
                <a:bodyPr rtlCol="0" anchor="ctr"/>
                <a:lstStyle/>
                <a:p>
                  <a:pPr algn="ctr"/>
                  <a:endParaRPr kumimoji="1" lang="ja-JP" altLang="en-US">
                    <a:solidFill>
                      <a:schemeClr val="accent6"/>
                    </a:solidFill>
                  </a:endParaRPr>
                </a:p>
              </p:txBody>
            </p:sp>
            <p:sp>
              <p:nvSpPr>
                <p:cNvPr id="14" name="テキスト ボックス 13">
                  <a:extLst>
                    <a:ext uri="{FF2B5EF4-FFF2-40B4-BE49-F238E27FC236}">
                      <a16:creationId xmlns:a16="http://schemas.microsoft.com/office/drawing/2014/main" id="{CEFB3B91-9510-4BC9-7390-F51565408254}"/>
                    </a:ext>
                  </a:extLst>
                </p:cNvPr>
                <p:cNvSpPr txBox="1"/>
                <p:nvPr/>
              </p:nvSpPr>
              <p:spPr>
                <a:xfrm>
                  <a:off x="672641" y="1224321"/>
                  <a:ext cx="5213809" cy="98488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>
                    <a:spcAft>
                      <a:spcPts val="1200"/>
                    </a:spcAft>
                  </a:pPr>
                  <a:r>
                    <a:rPr kumimoji="1"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なにがいけなかったのか</a:t>
                  </a:r>
                  <a:endParaRPr kumimoji="1" lang="en-US" altLang="ja-JP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  <a:p>
                  <a:pPr algn="ctr">
                    <a:spcAft>
                      <a:spcPts val="1200"/>
                    </a:spcAft>
                  </a:pPr>
                  <a:r>
                    <a:rPr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いっしょに考えてみよう！</a:t>
                  </a:r>
                  <a:endParaRPr kumimoji="1" lang="ja-JP" altLang="en-US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</p:txBody>
            </p:sp>
          </p:grpSp>
        </p:grpSp>
        <p:sp>
          <p:nvSpPr>
            <p:cNvPr id="10" name="テキスト ボックス 9">
              <a:extLst>
                <a:ext uri="{FF2B5EF4-FFF2-40B4-BE49-F238E27FC236}">
                  <a16:creationId xmlns:a16="http://schemas.microsoft.com/office/drawing/2014/main" id="{6AC4E344-D5BD-61DE-2B97-3D71E2FE9E1A}"/>
                </a:ext>
              </a:extLst>
            </p:cNvPr>
            <p:cNvSpPr txBox="1"/>
            <p:nvPr/>
          </p:nvSpPr>
          <p:spPr>
            <a:xfrm>
              <a:off x="2841934" y="1512550"/>
              <a:ext cx="59182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62983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が</a:t>
              </a:r>
            </a:p>
          </p:txBody>
        </p:sp>
      </p:grpSp>
      <p:grpSp>
        <p:nvGrpSpPr>
          <p:cNvPr id="19" name="グループ化 18">
            <a:extLst>
              <a:ext uri="{FF2B5EF4-FFF2-40B4-BE49-F238E27FC236}">
                <a16:creationId xmlns:a16="http://schemas.microsoft.com/office/drawing/2014/main" id="{2D13073B-0E2D-6F9B-C2B4-DA3B0577FB56}"/>
              </a:ext>
            </a:extLst>
          </p:cNvPr>
          <p:cNvGrpSpPr/>
          <p:nvPr/>
        </p:nvGrpSpPr>
        <p:grpSpPr>
          <a:xfrm>
            <a:off x="362886" y="2448384"/>
            <a:ext cx="8169086" cy="1719285"/>
            <a:chOff x="362886" y="2448384"/>
            <a:chExt cx="8169086" cy="1719285"/>
          </a:xfrm>
        </p:grpSpPr>
        <p:grpSp>
          <p:nvGrpSpPr>
            <p:cNvPr id="18" name="グループ化 17">
              <a:extLst>
                <a:ext uri="{FF2B5EF4-FFF2-40B4-BE49-F238E27FC236}">
                  <a16:creationId xmlns:a16="http://schemas.microsoft.com/office/drawing/2014/main" id="{61F752A1-9199-AE12-0403-07D250A31B8C}"/>
                </a:ext>
              </a:extLst>
            </p:cNvPr>
            <p:cNvGrpSpPr/>
            <p:nvPr/>
          </p:nvGrpSpPr>
          <p:grpSpPr>
            <a:xfrm>
              <a:off x="1598261" y="2957806"/>
              <a:ext cx="852642" cy="200055"/>
              <a:chOff x="1298223" y="3306799"/>
              <a:chExt cx="852642" cy="200055"/>
            </a:xfrm>
          </p:grpSpPr>
          <p:sp>
            <p:nvSpPr>
              <p:cNvPr id="15" name="正方形/長方形 14">
                <a:extLst>
                  <a:ext uri="{FF2B5EF4-FFF2-40B4-BE49-F238E27FC236}">
                    <a16:creationId xmlns:a16="http://schemas.microsoft.com/office/drawing/2014/main" id="{A807B63C-D4E1-51E6-4276-431D521BD694}"/>
                  </a:ext>
                </a:extLst>
              </p:cNvPr>
              <p:cNvSpPr/>
              <p:nvPr/>
            </p:nvSpPr>
            <p:spPr>
              <a:xfrm rot="21180000">
                <a:off x="1298223" y="3337853"/>
                <a:ext cx="754338" cy="119063"/>
              </a:xfrm>
              <a:prstGeom prst="rect">
                <a:avLst/>
              </a:prstGeom>
              <a:solidFill>
                <a:schemeClr val="bg1"/>
              </a:solidFill>
              <a:ln>
                <a:noFill/>
              </a:ln>
              <a:scene3d>
                <a:camera prst="orthographicFront">
                  <a:rot lat="0" lon="0" rev="0"/>
                </a:camera>
                <a:lightRig rig="threePt" dir="t"/>
              </a:scene3d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 dirty="0">
                  <a:solidFill>
                    <a:schemeClr val="tx1"/>
                  </a:solidFill>
                </a:endParaRPr>
              </a:p>
            </p:txBody>
          </p:sp>
          <p:sp>
            <p:nvSpPr>
              <p:cNvPr id="16" name="テキスト ボックス 15">
                <a:extLst>
                  <a:ext uri="{FF2B5EF4-FFF2-40B4-BE49-F238E27FC236}">
                    <a16:creationId xmlns:a16="http://schemas.microsoft.com/office/drawing/2014/main" id="{70CF5E6B-4F0A-93A1-2E14-88750C23415F}"/>
                  </a:ext>
                </a:extLst>
              </p:cNvPr>
              <p:cNvSpPr txBox="1"/>
              <p:nvPr/>
            </p:nvSpPr>
            <p:spPr>
              <a:xfrm rot="21180450">
                <a:off x="1353852" y="3306799"/>
                <a:ext cx="797013" cy="20005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:r>
                  <a:rPr kumimoji="1" lang="ja-JP" altLang="en-US" sz="700" dirty="0"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rPr>
                  <a:t>○月✕日　はれ</a:t>
                </a:r>
              </a:p>
            </p:txBody>
          </p:sp>
        </p:grpSp>
        <p:sp>
          <p:nvSpPr>
            <p:cNvPr id="35" name="テキスト ボックス 34">
              <a:extLst>
                <a:ext uri="{FF2B5EF4-FFF2-40B4-BE49-F238E27FC236}">
                  <a16:creationId xmlns:a16="http://schemas.microsoft.com/office/drawing/2014/main" id="{1C17C019-8769-1D83-A8CB-0BC43A02EBDA}"/>
                </a:ext>
              </a:extLst>
            </p:cNvPr>
            <p:cNvSpPr txBox="1"/>
            <p:nvPr/>
          </p:nvSpPr>
          <p:spPr>
            <a:xfrm>
              <a:off x="3570641" y="2448384"/>
              <a:ext cx="71851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ともだち</a:t>
              </a:r>
            </a:p>
          </p:txBody>
        </p:sp>
        <p:sp>
          <p:nvSpPr>
            <p:cNvPr id="39" name="テキスト ボックス 38">
              <a:extLst>
                <a:ext uri="{FF2B5EF4-FFF2-40B4-BE49-F238E27FC236}">
                  <a16:creationId xmlns:a16="http://schemas.microsoft.com/office/drawing/2014/main" id="{D7653E47-5641-3180-3486-A3B2C21C08D3}"/>
                </a:ext>
              </a:extLst>
            </p:cNvPr>
            <p:cNvSpPr txBox="1"/>
            <p:nvPr/>
          </p:nvSpPr>
          <p:spPr>
            <a:xfrm>
              <a:off x="4266575" y="2448384"/>
              <a:ext cx="71851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ゃしん</a:t>
              </a:r>
            </a:p>
          </p:txBody>
        </p:sp>
        <p:sp>
          <p:nvSpPr>
            <p:cNvPr id="51" name="テキスト ボックス 50">
              <a:extLst>
                <a:ext uri="{FF2B5EF4-FFF2-40B4-BE49-F238E27FC236}">
                  <a16:creationId xmlns:a16="http://schemas.microsoft.com/office/drawing/2014/main" id="{4BCEC258-25E1-9E1C-68CC-EC28BF8F0959}"/>
                </a:ext>
              </a:extLst>
            </p:cNvPr>
            <p:cNvSpPr txBox="1"/>
            <p:nvPr/>
          </p:nvSpPr>
          <p:spPr>
            <a:xfrm>
              <a:off x="6809315" y="2448384"/>
              <a:ext cx="71851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こうかい</a:t>
              </a:r>
            </a:p>
          </p:txBody>
        </p:sp>
        <p:sp>
          <p:nvSpPr>
            <p:cNvPr id="52" name="テキスト ボックス 51">
              <a:extLst>
                <a:ext uri="{FF2B5EF4-FFF2-40B4-BE49-F238E27FC236}">
                  <a16:creationId xmlns:a16="http://schemas.microsoft.com/office/drawing/2014/main" id="{88F8DD5A-1388-B2EF-C13A-FC2D5BF7025B}"/>
                </a:ext>
              </a:extLst>
            </p:cNvPr>
            <p:cNvSpPr txBox="1"/>
            <p:nvPr/>
          </p:nvSpPr>
          <p:spPr>
            <a:xfrm>
              <a:off x="4950391" y="2895258"/>
              <a:ext cx="71851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ともだち</a:t>
              </a:r>
            </a:p>
          </p:txBody>
        </p:sp>
        <p:sp>
          <p:nvSpPr>
            <p:cNvPr id="53" name="テキスト ボックス 52">
              <a:extLst>
                <a:ext uri="{FF2B5EF4-FFF2-40B4-BE49-F238E27FC236}">
                  <a16:creationId xmlns:a16="http://schemas.microsoft.com/office/drawing/2014/main" id="{10E73CCC-188B-DB54-F056-C640B749C370}"/>
                </a:ext>
              </a:extLst>
            </p:cNvPr>
            <p:cNvSpPr txBox="1"/>
            <p:nvPr/>
          </p:nvSpPr>
          <p:spPr>
            <a:xfrm>
              <a:off x="7085487" y="3353374"/>
              <a:ext cx="71851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ゃしん</a:t>
              </a:r>
            </a:p>
          </p:txBody>
        </p:sp>
        <p:sp>
          <p:nvSpPr>
            <p:cNvPr id="54" name="テキスト ボックス 53">
              <a:extLst>
                <a:ext uri="{FF2B5EF4-FFF2-40B4-BE49-F238E27FC236}">
                  <a16:creationId xmlns:a16="http://schemas.microsoft.com/office/drawing/2014/main" id="{2FF822D1-804F-2776-4B76-5A6D09AF666A}"/>
                </a:ext>
              </a:extLst>
            </p:cNvPr>
            <p:cNvSpPr txBox="1"/>
            <p:nvPr/>
          </p:nvSpPr>
          <p:spPr>
            <a:xfrm>
              <a:off x="7813462" y="3353374"/>
              <a:ext cx="71851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げんいん</a:t>
              </a:r>
            </a:p>
          </p:txBody>
        </p:sp>
        <p:sp>
          <p:nvSpPr>
            <p:cNvPr id="56" name="テキスト ボックス 55">
              <a:extLst>
                <a:ext uri="{FF2B5EF4-FFF2-40B4-BE49-F238E27FC236}">
                  <a16:creationId xmlns:a16="http://schemas.microsoft.com/office/drawing/2014/main" id="{C3C882CA-B0DF-37DB-F977-D1F8BA7143BA}"/>
                </a:ext>
              </a:extLst>
            </p:cNvPr>
            <p:cNvSpPr txBox="1"/>
            <p:nvPr/>
          </p:nvSpPr>
          <p:spPr>
            <a:xfrm>
              <a:off x="4240229" y="3353374"/>
              <a:ext cx="48841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おも</a:t>
              </a:r>
            </a:p>
          </p:txBody>
        </p:sp>
        <p:sp>
          <p:nvSpPr>
            <p:cNvPr id="57" name="テキスト ボックス 56">
              <a:extLst>
                <a:ext uri="{FF2B5EF4-FFF2-40B4-BE49-F238E27FC236}">
                  <a16:creationId xmlns:a16="http://schemas.microsoft.com/office/drawing/2014/main" id="{9FF658E7-1788-07E8-14F7-A6F141C2E1FE}"/>
                </a:ext>
              </a:extLst>
            </p:cNvPr>
            <p:cNvSpPr txBox="1"/>
            <p:nvPr/>
          </p:nvSpPr>
          <p:spPr>
            <a:xfrm>
              <a:off x="3385483" y="3805230"/>
              <a:ext cx="659467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な　まえ</a:t>
              </a:r>
            </a:p>
          </p:txBody>
        </p:sp>
        <p:sp>
          <p:nvSpPr>
            <p:cNvPr id="58" name="テキスト ボックス 57">
              <a:extLst>
                <a:ext uri="{FF2B5EF4-FFF2-40B4-BE49-F238E27FC236}">
                  <a16:creationId xmlns:a16="http://schemas.microsoft.com/office/drawing/2014/main" id="{C1060199-AB2E-E20B-7261-271F4F77434E}"/>
                </a:ext>
              </a:extLst>
            </p:cNvPr>
            <p:cNvSpPr txBox="1"/>
            <p:nvPr/>
          </p:nvSpPr>
          <p:spPr>
            <a:xfrm>
              <a:off x="4080161" y="3805230"/>
              <a:ext cx="744122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ゅうしょ</a:t>
              </a:r>
            </a:p>
          </p:txBody>
        </p:sp>
        <p:sp>
          <p:nvSpPr>
            <p:cNvPr id="59" name="テキスト ボックス 58">
              <a:extLst>
                <a:ext uri="{FF2B5EF4-FFF2-40B4-BE49-F238E27FC236}">
                  <a16:creationId xmlns:a16="http://schemas.microsoft.com/office/drawing/2014/main" id="{5B64E15C-571C-914B-3BA5-1BD2AD07D05D}"/>
                </a:ext>
              </a:extLst>
            </p:cNvPr>
            <p:cNvSpPr txBox="1"/>
            <p:nvPr/>
          </p:nvSpPr>
          <p:spPr>
            <a:xfrm>
              <a:off x="6349461" y="3805230"/>
              <a:ext cx="88954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のうせい</a:t>
              </a:r>
            </a:p>
          </p:txBody>
        </p:sp>
        <p:sp>
          <p:nvSpPr>
            <p:cNvPr id="60" name="テキスト ボックス 59">
              <a:extLst>
                <a:ext uri="{FF2B5EF4-FFF2-40B4-BE49-F238E27FC236}">
                  <a16:creationId xmlns:a16="http://schemas.microsoft.com/office/drawing/2014/main" id="{D8DF6D2D-6D26-C2A9-6576-FA6843CE497E}"/>
                </a:ext>
              </a:extLst>
            </p:cNvPr>
            <p:cNvSpPr txBox="1"/>
            <p:nvPr/>
          </p:nvSpPr>
          <p:spPr>
            <a:xfrm>
              <a:off x="362886" y="2559436"/>
              <a:ext cx="734661" cy="25391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05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ゅうしょ</a:t>
              </a:r>
            </a:p>
          </p:txBody>
        </p:sp>
        <p:sp>
          <p:nvSpPr>
            <p:cNvPr id="61" name="テキスト ボックス 60">
              <a:extLst>
                <a:ext uri="{FF2B5EF4-FFF2-40B4-BE49-F238E27FC236}">
                  <a16:creationId xmlns:a16="http://schemas.microsoft.com/office/drawing/2014/main" id="{EBAD38DF-611E-094C-0A11-D10B5D66E124}"/>
                </a:ext>
              </a:extLst>
            </p:cNvPr>
            <p:cNvSpPr txBox="1"/>
            <p:nvPr/>
          </p:nvSpPr>
          <p:spPr>
            <a:xfrm>
              <a:off x="1816073" y="3913753"/>
              <a:ext cx="1050210" cy="25391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05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こじん　じょうほう</a:t>
              </a:r>
            </a:p>
          </p:txBody>
        </p:sp>
      </p:grpSp>
      <p:grpSp>
        <p:nvGrpSpPr>
          <p:cNvPr id="21" name="グループ化 20">
            <a:extLst>
              <a:ext uri="{FF2B5EF4-FFF2-40B4-BE49-F238E27FC236}">
                <a16:creationId xmlns:a16="http://schemas.microsoft.com/office/drawing/2014/main" id="{6ADB9094-951B-2C10-7F01-8616BB8AD43A}"/>
              </a:ext>
            </a:extLst>
          </p:cNvPr>
          <p:cNvGrpSpPr/>
          <p:nvPr/>
        </p:nvGrpSpPr>
        <p:grpSpPr>
          <a:xfrm>
            <a:off x="369571" y="4785446"/>
            <a:ext cx="7742530" cy="1554912"/>
            <a:chOff x="369571" y="4785446"/>
            <a:chExt cx="7742530" cy="1554912"/>
          </a:xfrm>
        </p:grpSpPr>
        <p:sp>
          <p:nvSpPr>
            <p:cNvPr id="34" name="テキスト ボックス 33">
              <a:extLst>
                <a:ext uri="{FF2B5EF4-FFF2-40B4-BE49-F238E27FC236}">
                  <a16:creationId xmlns:a16="http://schemas.microsoft.com/office/drawing/2014/main" id="{167D6354-B84A-772E-7B1E-B4D607A17F7E}"/>
                </a:ext>
              </a:extLst>
            </p:cNvPr>
            <p:cNvSpPr txBox="1"/>
            <p:nvPr/>
          </p:nvSpPr>
          <p:spPr>
            <a:xfrm rot="246609">
              <a:off x="7476723" y="4785446"/>
              <a:ext cx="635378" cy="2616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05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くにん</a:t>
              </a:r>
            </a:p>
          </p:txBody>
        </p:sp>
        <p:sp>
          <p:nvSpPr>
            <p:cNvPr id="37" name="テキスト ボックス 36">
              <a:extLst>
                <a:ext uri="{FF2B5EF4-FFF2-40B4-BE49-F238E27FC236}">
                  <a16:creationId xmlns:a16="http://schemas.microsoft.com/office/drawing/2014/main" id="{EB86E7D5-8B52-48B1-4E20-C7BF08A30295}"/>
                </a:ext>
              </a:extLst>
            </p:cNvPr>
            <p:cNvSpPr txBox="1"/>
            <p:nvPr/>
          </p:nvSpPr>
          <p:spPr>
            <a:xfrm>
              <a:off x="1084847" y="5624428"/>
              <a:ext cx="693153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ゃしん</a:t>
              </a:r>
            </a:p>
          </p:txBody>
        </p:sp>
        <p:sp>
          <p:nvSpPr>
            <p:cNvPr id="62" name="テキスト ボックス 61">
              <a:extLst>
                <a:ext uri="{FF2B5EF4-FFF2-40B4-BE49-F238E27FC236}">
                  <a16:creationId xmlns:a16="http://schemas.microsoft.com/office/drawing/2014/main" id="{FBE9E543-34DA-2A70-48F1-67C402AC1855}"/>
                </a:ext>
              </a:extLst>
            </p:cNvPr>
            <p:cNvSpPr txBox="1"/>
            <p:nvPr/>
          </p:nvSpPr>
          <p:spPr>
            <a:xfrm>
              <a:off x="369571" y="4886780"/>
              <a:ext cx="71851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ゃしん</a:t>
              </a:r>
            </a:p>
          </p:txBody>
        </p:sp>
        <p:sp>
          <p:nvSpPr>
            <p:cNvPr id="63" name="テキスト ボックス 62">
              <a:extLst>
                <a:ext uri="{FF2B5EF4-FFF2-40B4-BE49-F238E27FC236}">
                  <a16:creationId xmlns:a16="http://schemas.microsoft.com/office/drawing/2014/main" id="{4EEC3FCE-D3B2-FA1F-F059-85D204BF56F1}"/>
                </a:ext>
              </a:extLst>
            </p:cNvPr>
            <p:cNvSpPr txBox="1"/>
            <p:nvPr/>
          </p:nvSpPr>
          <p:spPr>
            <a:xfrm>
              <a:off x="1097547" y="4886780"/>
              <a:ext cx="633588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どう　が</a:t>
              </a:r>
            </a:p>
          </p:txBody>
        </p:sp>
        <p:sp>
          <p:nvSpPr>
            <p:cNvPr id="64" name="テキスト ボックス 63">
              <a:extLst>
                <a:ext uri="{FF2B5EF4-FFF2-40B4-BE49-F238E27FC236}">
                  <a16:creationId xmlns:a16="http://schemas.microsoft.com/office/drawing/2014/main" id="{F54B1E41-1928-337D-4607-10BBE49B0BAA}"/>
                </a:ext>
              </a:extLst>
            </p:cNvPr>
            <p:cNvSpPr txBox="1"/>
            <p:nvPr/>
          </p:nvSpPr>
          <p:spPr>
            <a:xfrm>
              <a:off x="3172842" y="4886780"/>
              <a:ext cx="785083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ょうほう</a:t>
              </a:r>
            </a:p>
          </p:txBody>
        </p:sp>
        <p:sp>
          <p:nvSpPr>
            <p:cNvPr id="65" name="テキスト ボックス 64">
              <a:extLst>
                <a:ext uri="{FF2B5EF4-FFF2-40B4-BE49-F238E27FC236}">
                  <a16:creationId xmlns:a16="http://schemas.microsoft.com/office/drawing/2014/main" id="{0DEC2FB8-5683-9F98-71BD-A1E8930474BC}"/>
                </a:ext>
              </a:extLst>
            </p:cNvPr>
            <p:cNvSpPr txBox="1"/>
            <p:nvPr/>
          </p:nvSpPr>
          <p:spPr>
            <a:xfrm>
              <a:off x="1323500" y="6063359"/>
              <a:ext cx="43303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いえ</a:t>
              </a:r>
            </a:p>
          </p:txBody>
        </p:sp>
        <p:sp>
          <p:nvSpPr>
            <p:cNvPr id="66" name="テキスト ボックス 65">
              <a:extLst>
                <a:ext uri="{FF2B5EF4-FFF2-40B4-BE49-F238E27FC236}">
                  <a16:creationId xmlns:a16="http://schemas.microsoft.com/office/drawing/2014/main" id="{708197CE-FB94-1CCF-FA31-C156D5FADCC2}"/>
                </a:ext>
              </a:extLst>
            </p:cNvPr>
            <p:cNvSpPr txBox="1"/>
            <p:nvPr/>
          </p:nvSpPr>
          <p:spPr>
            <a:xfrm>
              <a:off x="2388794" y="6063359"/>
              <a:ext cx="76715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くにん</a:t>
              </a:r>
            </a:p>
          </p:txBody>
        </p:sp>
      </p:grpSp>
      <p:sp>
        <p:nvSpPr>
          <p:cNvPr id="22" name="テキスト ボックス 21">
            <a:extLst>
              <a:ext uri="{FF2B5EF4-FFF2-40B4-BE49-F238E27FC236}">
                <a16:creationId xmlns:a16="http://schemas.microsoft.com/office/drawing/2014/main" id="{0A5969D5-1B5C-ECB3-3D11-61C549043CD7}"/>
              </a:ext>
            </a:extLst>
          </p:cNvPr>
          <p:cNvSpPr txBox="1"/>
          <p:nvPr/>
        </p:nvSpPr>
        <p:spPr>
          <a:xfrm>
            <a:off x="506757" y="4757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しゃ　しん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383253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150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グループ化 4"/>
          <p:cNvGrpSpPr/>
          <p:nvPr/>
        </p:nvGrpSpPr>
        <p:grpSpPr>
          <a:xfrm>
            <a:off x="-189307" y="3726119"/>
            <a:ext cx="4572000" cy="2240620"/>
            <a:chOff x="-319825" y="3991848"/>
            <a:chExt cx="4572000" cy="2240620"/>
          </a:xfrm>
        </p:grpSpPr>
        <p:sp>
          <p:nvSpPr>
            <p:cNvPr id="7" name="雲 31"/>
            <p:cNvSpPr/>
            <p:nvPr/>
          </p:nvSpPr>
          <p:spPr>
            <a:xfrm rot="197991">
              <a:off x="199530" y="3991848"/>
              <a:ext cx="3424674" cy="2240620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27" y="32330"/>
                    <a:pt x="36694" y="34480"/>
                    <a:pt x="35431" y="35960"/>
                  </a:cubicBezTo>
                  <a:cubicBezTo>
                    <a:pt x="33512" y="38209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ln/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 dirty="0">
                <a:solidFill>
                  <a:schemeClr val="dk1"/>
                </a:solidFill>
              </a:endParaRPr>
            </a:p>
          </p:txBody>
        </p:sp>
        <p:sp>
          <p:nvSpPr>
            <p:cNvPr id="8" name="正方形/長方形 7"/>
            <p:cNvSpPr/>
            <p:nvPr/>
          </p:nvSpPr>
          <p:spPr>
            <a:xfrm rot="21333461">
              <a:off x="-319825" y="4418719"/>
              <a:ext cx="4572000" cy="1569660"/>
            </a:xfrm>
            <a:prstGeom prst="rect">
              <a:avLst/>
            </a:prstGeom>
          </p:spPr>
          <p:txBody>
            <a:bodyPr>
              <a:spAutoFit/>
            </a:bodyPr>
            <a:lstStyle/>
            <a:p>
              <a:pPr lvl="0" algn="ctr"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写真や動画は</a:t>
              </a:r>
              <a:endParaRPr kumimoji="0" lang="en-US" altLang="ja-JP" sz="3200" kern="0" dirty="0">
                <a:solidFill>
                  <a:prstClr val="white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Meiryo UI" panose="020B0604030504040204" pitchFamily="50" charset="-128"/>
              </a:endParaRPr>
            </a:p>
            <a:p>
              <a:pPr lvl="0" algn="ctr"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かってに</a:t>
              </a:r>
              <a:endParaRPr kumimoji="0" lang="en-US" altLang="ja-JP" sz="3200" kern="0" dirty="0">
                <a:solidFill>
                  <a:prstClr val="white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Meiryo UI" panose="020B0604030504040204" pitchFamily="50" charset="-128"/>
              </a:endParaRPr>
            </a:p>
            <a:p>
              <a:pPr lvl="0" algn="ctr"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つかわない</a:t>
              </a:r>
            </a:p>
          </p:txBody>
        </p:sp>
      </p:grpSp>
      <p:pic>
        <p:nvPicPr>
          <p:cNvPr id="10" name="図 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422277" y="4726177"/>
            <a:ext cx="2332012" cy="2224381"/>
          </a:xfrm>
          <a:prstGeom prst="rect">
            <a:avLst/>
          </a:prstGeom>
        </p:spPr>
      </p:pic>
      <p:sp>
        <p:nvSpPr>
          <p:cNvPr id="20" name="角丸四角形 19"/>
          <p:cNvSpPr/>
          <p:nvPr/>
        </p:nvSpPr>
        <p:spPr>
          <a:xfrm>
            <a:off x="452314" y="794553"/>
            <a:ext cx="8239373" cy="3031054"/>
          </a:xfrm>
          <a:prstGeom prst="roundRect">
            <a:avLst/>
          </a:prstGeom>
          <a:solidFill>
            <a:schemeClr val="bg1"/>
          </a:solidFill>
          <a:ln w="57150" cap="rnd" cmpd="thickThin">
            <a:noFill/>
            <a:prstDash val="dashDot"/>
            <a:round/>
          </a:ln>
          <a:effectLst>
            <a:softEdge rad="317500"/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sp>
        <p:nvSpPr>
          <p:cNvPr id="6" name="テキスト ボックス 5"/>
          <p:cNvSpPr txBox="1"/>
          <p:nvPr/>
        </p:nvSpPr>
        <p:spPr>
          <a:xfrm>
            <a:off x="1110834" y="1480771"/>
            <a:ext cx="6922332" cy="187743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ja-JP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SNS</a:t>
            </a: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などに情報をのせることには、いろいろなキケンがひそんでいます。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じぶんだけではなく、お友達の情報を守ることも、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インターネットをつかうための大切なマナーです。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</p:txBody>
      </p:sp>
      <p:sp>
        <p:nvSpPr>
          <p:cNvPr id="3" name="タイトル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3.</a:t>
            </a:r>
            <a:r>
              <a:rPr lang="ja-JP" altLang="en-US" dirty="0"/>
              <a:t>写真をアップするときは</a:t>
            </a:r>
            <a:endParaRPr lang="ja-JP" altLang="en-US" dirty="0">
              <a:latin typeface="Meiryo UI" panose="020B0604030504040204" pitchFamily="50" charset="-128"/>
              <a:ea typeface="Meiryo UI" panose="020B0604030504040204" pitchFamily="50" charset="-128"/>
              <a:cs typeface="Meiryo UI" panose="020B0604030504040204" pitchFamily="50" charset="-128"/>
            </a:endParaRPr>
          </a:p>
        </p:txBody>
      </p:sp>
      <p:pic>
        <p:nvPicPr>
          <p:cNvPr id="4" name="図 3">
            <a:extLst>
              <a:ext uri="{FF2B5EF4-FFF2-40B4-BE49-F238E27FC236}">
                <a16:creationId xmlns:a16="http://schemas.microsoft.com/office/drawing/2014/main" id="{43BBFC43-BEE8-48E5-8C4D-48D6448943A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843"/>
          <a:stretch/>
        </p:blipFill>
        <p:spPr>
          <a:xfrm>
            <a:off x="4735326" y="2694022"/>
            <a:ext cx="4469841" cy="4163977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2" name="テキスト ボックス 1">
            <a:extLst>
              <a:ext uri="{FF2B5EF4-FFF2-40B4-BE49-F238E27FC236}">
                <a16:creationId xmlns:a16="http://schemas.microsoft.com/office/drawing/2014/main" id="{3935C6DA-DCDA-15B3-95A1-8E6A31CF4208}"/>
              </a:ext>
            </a:extLst>
          </p:cNvPr>
          <p:cNvSpPr txBox="1"/>
          <p:nvPr/>
        </p:nvSpPr>
        <p:spPr>
          <a:xfrm>
            <a:off x="2669734" y="1286286"/>
            <a:ext cx="81993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7BC3ADFB-797F-5EC4-1907-06022F8FAE96}"/>
              </a:ext>
            </a:extLst>
          </p:cNvPr>
          <p:cNvSpPr txBox="1"/>
          <p:nvPr/>
        </p:nvSpPr>
        <p:spPr>
          <a:xfrm>
            <a:off x="5344321" y="2173828"/>
            <a:ext cx="81993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11" name="テキスト ボックス 10">
            <a:extLst>
              <a:ext uri="{FF2B5EF4-FFF2-40B4-BE49-F238E27FC236}">
                <a16:creationId xmlns:a16="http://schemas.microsoft.com/office/drawing/2014/main" id="{509EED52-8C45-7831-7FA8-1EDE20967DC3}"/>
              </a:ext>
            </a:extLst>
          </p:cNvPr>
          <p:cNvSpPr txBox="1"/>
          <p:nvPr/>
        </p:nvSpPr>
        <p:spPr>
          <a:xfrm>
            <a:off x="4524385" y="2173828"/>
            <a:ext cx="71198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ともだち</a:t>
            </a:r>
          </a:p>
        </p:txBody>
      </p:sp>
      <p:sp>
        <p:nvSpPr>
          <p:cNvPr id="12" name="テキスト ボックス 11">
            <a:extLst>
              <a:ext uri="{FF2B5EF4-FFF2-40B4-BE49-F238E27FC236}">
                <a16:creationId xmlns:a16="http://schemas.microsoft.com/office/drawing/2014/main" id="{A5A7D97D-5124-A46D-25E7-E457F2FFBC61}"/>
              </a:ext>
            </a:extLst>
          </p:cNvPr>
          <p:cNvSpPr txBox="1"/>
          <p:nvPr/>
        </p:nvSpPr>
        <p:spPr>
          <a:xfrm>
            <a:off x="5438270" y="2703104"/>
            <a:ext cx="71198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たいせつ</a:t>
            </a:r>
          </a:p>
        </p:txBody>
      </p:sp>
      <p:grpSp>
        <p:nvGrpSpPr>
          <p:cNvPr id="16" name="グループ化 15">
            <a:extLst>
              <a:ext uri="{FF2B5EF4-FFF2-40B4-BE49-F238E27FC236}">
                <a16:creationId xmlns:a16="http://schemas.microsoft.com/office/drawing/2014/main" id="{B1FAADC9-2976-09AA-511D-C8F7FD1AF577}"/>
              </a:ext>
            </a:extLst>
          </p:cNvPr>
          <p:cNvGrpSpPr/>
          <p:nvPr/>
        </p:nvGrpSpPr>
        <p:grpSpPr>
          <a:xfrm>
            <a:off x="724386" y="3927091"/>
            <a:ext cx="2084060" cy="363415"/>
            <a:chOff x="724386" y="3927091"/>
            <a:chExt cx="2084060" cy="363415"/>
          </a:xfrm>
        </p:grpSpPr>
        <p:sp>
          <p:nvSpPr>
            <p:cNvPr id="13" name="テキスト ボックス 12">
              <a:extLst>
                <a:ext uri="{FF2B5EF4-FFF2-40B4-BE49-F238E27FC236}">
                  <a16:creationId xmlns:a16="http://schemas.microsoft.com/office/drawing/2014/main" id="{D769B173-868C-1C52-FDAB-707624F13C32}"/>
                </a:ext>
              </a:extLst>
            </p:cNvPr>
            <p:cNvSpPr txBox="1"/>
            <p:nvPr/>
          </p:nvSpPr>
          <p:spPr>
            <a:xfrm rot="21360000">
              <a:off x="724386" y="4013507"/>
              <a:ext cx="101957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ゃ　しん</a:t>
              </a:r>
            </a:p>
          </p:txBody>
        </p:sp>
        <p:sp>
          <p:nvSpPr>
            <p:cNvPr id="14" name="テキスト ボックス 13">
              <a:extLst>
                <a:ext uri="{FF2B5EF4-FFF2-40B4-BE49-F238E27FC236}">
                  <a16:creationId xmlns:a16="http://schemas.microsoft.com/office/drawing/2014/main" id="{993ED09F-F5E6-4499-4302-EB2F896FC65F}"/>
                </a:ext>
              </a:extLst>
            </p:cNvPr>
            <p:cNvSpPr txBox="1"/>
            <p:nvPr/>
          </p:nvSpPr>
          <p:spPr>
            <a:xfrm rot="21360000">
              <a:off x="1988510" y="3927091"/>
              <a:ext cx="81993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どう　　が</a:t>
              </a:r>
            </a:p>
          </p:txBody>
        </p:sp>
      </p:grpSp>
      <p:sp>
        <p:nvSpPr>
          <p:cNvPr id="17" name="テキスト ボックス 16">
            <a:extLst>
              <a:ext uri="{FF2B5EF4-FFF2-40B4-BE49-F238E27FC236}">
                <a16:creationId xmlns:a16="http://schemas.microsoft.com/office/drawing/2014/main" id="{0EACA9B9-CC21-FC24-5368-96798F146CCE}"/>
              </a:ext>
            </a:extLst>
          </p:cNvPr>
          <p:cNvSpPr txBox="1"/>
          <p:nvPr/>
        </p:nvSpPr>
        <p:spPr>
          <a:xfrm>
            <a:off x="506757" y="4757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しゃ　しん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48938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10"/>
  <p:tag name="ISPRING_PROJECT_FOLDER_UPDATED" val="1"/>
  <p:tag name="ISPRING_ULTRA_SCORM_COURSE_ID" val="0B614A66-4F9C-4121-B07A-BA9DFF81A28D"/>
  <p:tag name="ISPRING_SCORM_RATE_SLIDES" val="1"/>
  <p:tag name="ISPRING_PLAYERS_CUSTOMIZATION" val="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"/>
  <p:tag name="ISPRING_FIRST_PUBLISH" val="1"/>
  <p:tag name="ISPRING_ULTRA_SCORM_LESSON_TITLE" val="情報モラル教育 小学生向け"/>
  <p:tag name="MMPROD_UIDATA" val="&lt;database version=&quot;11.0&quot;&gt;&lt;object type=&quot;1&quot; unique_id=&quot;10001&quot;&gt;&lt;object type=&quot;2&quot; unique_id=&quot;215453&quot;&gt;&lt;object type=&quot;3&quot; unique_id=&quot;215982&quot;&gt;&lt;property id=&quot;20148&quot; value=&quot;5&quot;/&gt;&lt;property id=&quot;20300&quot; value=&quot;スライド 45 - &amp;quot;8. ネットゲームのやり過ぎはダメ！（有料アイテム）&amp;quot;&quot;/&gt;&lt;property id=&quot;20307&quot; value=&quot;272&quot;/&gt;&lt;/object&gt;&lt;object type=&quot;3&quot; unique_id=&quot;216200&quot;&gt;&lt;property id=&quot;20148&quot; value=&quot;5&quot;/&gt;&lt;property id=&quot;20300&quot; value=&quot;スライド 41 - &amp;quot;8. ネットゲームのやり過ぎはダメ！（有料アイテム）&amp;quot;&quot;/&gt;&lt;property id=&quot;20307&quot; value=&quot;274&quot;/&gt;&lt;/object&gt;&lt;object type=&quot;3&quot; unique_id=&quot;216202&quot;&gt;&lt;property id=&quot;20148&quot; value=&quot;5&quot;/&gt;&lt;property id=&quot;20300&quot; value=&quot;スライド 44 - &amp;quot;8. ネットゲームのやり過ぎはダメ！（有料アイテム）&amp;quot;&quot;/&gt;&lt;property id=&quot;20307&quot; value=&quot;276&quot;/&gt;&lt;/object&gt;&lt;object type=&quot;3&quot; unique_id=&quot;216203&quot;&gt;&lt;property id=&quot;20148&quot; value=&quot;5&quot;/&gt;&lt;property id=&quot;20300&quot; value=&quot;スライド 46 - &amp;quot;8. ネットゲームのやり過ぎはダメ！（有料アイテム）&amp;quot;&quot;/&gt;&lt;property id=&quot;20307&quot; value=&quot;277&quot;/&gt;&lt;/object&gt;&lt;object type=&quot;3&quot; unique_id=&quot;216233&quot;&gt;&lt;property id=&quot;20148&quot; value=&quot;5&quot;/&gt;&lt;property id=&quot;20300&quot; value=&quot;スライド 42 - &amp;quot;8. ネットゲームのやり過ぎはダメ！（有料アイテム）&amp;quot;&quot;/&gt;&lt;property id=&quot;20307&quot; value=&quot;279&quot;/&gt;&lt;/object&gt;&lt;object type=&quot;3&quot; unique_id=&quot;216234&quot;&gt;&lt;property id=&quot;20148&quot; value=&quot;5&quot;/&gt;&lt;property id=&quot;20300&quot; value=&quot;スライド 43 - &amp;quot;8. ネットゲームのやり過ぎはダメ！（有料アイテム）&amp;quot;&quot;/&gt;&lt;property id=&quot;20307&quot; value=&quot;278&quot;/&gt;&lt;/object&gt;&lt;object type=&quot;3&quot; unique_id=&quot;217394&quot;&gt;&lt;property id=&quot;20148&quot; value=&quot;5&quot;/&gt;&lt;property id=&quot;20300&quot; value=&quot;スライド 35 - &amp;quot;7. インターネットを使うときのルール&amp;quot;&quot;/&gt;&lt;property id=&quot;20307&quot; value=&quot;280&quot;/&gt;&lt;/object&gt;&lt;object type=&quot;3&quot; unique_id=&quot;217395&quot;&gt;&lt;property id=&quot;20148&quot; value=&quot;5&quot;/&gt;&lt;property id=&quot;20300&quot; value=&quot;スライド 36 - &amp;quot;7. インターネットを使うときのルール&amp;quot;&quot;/&gt;&lt;property id=&quot;20307&quot; value=&quot;281&quot;/&gt;&lt;/object&gt;&lt;object type=&quot;3&quot; unique_id=&quot;217396&quot;&gt;&lt;property id=&quot;20148&quot; value=&quot;5&quot;/&gt;&lt;property id=&quot;20300&quot; value=&quot;スライド 37 - &amp;quot;7. インターネットを使うときのルール&amp;quot;&quot;/&gt;&lt;property id=&quot;20307&quot; value=&quot;282&quot;/&gt;&lt;/object&gt;&lt;object type=&quot;3&quot; unique_id=&quot;217452&quot;&gt;&lt;property id=&quot;20148&quot; value=&quot;5&quot;/&gt;&lt;property id=&quot;20300&quot; value=&quot;スライド 38 - &amp;quot;7. インターネットを使うときのルール&amp;quot;&quot;/&gt;&lt;property id=&quot;20307&quot; value=&quot;283&quot;/&gt;&lt;/object&gt;&lt;object type=&quot;3&quot; unique_id=&quot;217453&quot;&gt;&lt;property id=&quot;20148&quot; value=&quot;5&quot;/&gt;&lt;property id=&quot;20300&quot; value=&quot;スライド 39 - &amp;quot;7. インターネットを使うときのルール&amp;quot;&quot;/&gt;&lt;property id=&quot;20307&quot; value=&quot;284&quot;/&gt;&lt;/object&gt;&lt;object type=&quot;3&quot; unique_id=&quot;217506&quot;&gt;&lt;property id=&quot;20148&quot; value=&quot;5&quot;/&gt;&lt;property id=&quot;20300&quot; value=&quot;スライド 29 - &amp;quot;6. 悪口を書かない&amp;quot;&quot;/&gt;&lt;property id=&quot;20307&quot; value=&quot;285&quot;/&gt;&lt;/object&gt;&lt;object type=&quot;3&quot; unique_id=&quot;217507&quot;&gt;&lt;property id=&quot;20148&quot; value=&quot;5&quot;/&gt;&lt;property id=&quot;20300&quot; value=&quot;スライド 30 - &amp;quot;6. 悪口を書かない&amp;quot;&quot;/&gt;&lt;property id=&quot;20307&quot; value=&quot;286&quot;/&gt;&lt;/object&gt;&lt;object type=&quot;3&quot; unique_id=&quot;217667&quot;&gt;&lt;property id=&quot;20148&quot; value=&quot;5&quot;/&gt;&lt;property id=&quot;20300&quot; value=&quot;スライド 31 - &amp;quot;6. 悪口を書かない&amp;quot;&quot;/&gt;&lt;property id=&quot;20307&quot; value=&quot;288&quot;/&gt;&lt;/object&gt;&lt;object type=&quot;3&quot; unique_id=&quot;217668&quot;&gt;&lt;property id=&quot;20148&quot; value=&quot;5&quot;/&gt;&lt;property id=&quot;20300&quot; value=&quot;スライド 32 - &amp;quot;6. 悪口を書かない&amp;quot;&quot;/&gt;&lt;property id=&quot;20307&quot; value=&quot;289&quot;/&gt;&lt;/object&gt;&lt;object type=&quot;3&quot; unique_id=&quot;217669&quot;&gt;&lt;property id=&quot;20148&quot; value=&quot;5&quot;/&gt;&lt;property id=&quot;20300&quot; value=&quot;スライド 33 - &amp;quot;6. 悪口を書かない&amp;quot;&quot;/&gt;&lt;property id=&quot;20307&quot; value=&quot;290&quot;/&gt;&lt;/object&gt;&lt;object type=&quot;3&quot; unique_id=&quot;217671&quot;&gt;&lt;property id=&quot;20148&quot; value=&quot;5&quot;/&gt;&lt;property id=&quot;20300&quot; value=&quot;スライド 24 - &amp;quot;5. パスワード管理&amp;quot;&quot;/&gt;&lt;property id=&quot;20307&quot; value=&quot;291&quot;/&gt;&lt;/object&gt;&lt;object type=&quot;3&quot; unique_id=&quot;224503&quot;&gt;&lt;property id=&quot;20148&quot; value=&quot;5&quot;/&gt;&lt;property id=&quot;20300&quot; value=&quot;スライド 25 - &amp;quot;5. パスワード管理&amp;quot;&quot;/&gt;&lt;property id=&quot;20307&quot; value=&quot;292&quot;/&gt;&lt;/object&gt;&lt;object type=&quot;3&quot; unique_id=&quot;224731&quot;&gt;&lt;property id=&quot;20148&quot; value=&quot;5&quot;/&gt;&lt;property id=&quot;20300&quot; value=&quot;スライド 26 - &amp;quot;5. パスワード管理&amp;quot;&quot;/&gt;&lt;property id=&quot;20307&quot; value=&quot;294&quot;/&gt;&lt;/object&gt;&lt;object type=&quot;3&quot; unique_id=&quot;224732&quot;&gt;&lt;property id=&quot;20148&quot; value=&quot;5&quot;/&gt;&lt;property id=&quot;20300&quot; value=&quot;スライド 27 - &amp;quot;5. パスワード管理&amp;quot;&quot;/&gt;&lt;property id=&quot;20307&quot; value=&quot;295&quot;/&gt;&lt;/object&gt;&lt;object type=&quot;3&quot; unique_id=&quot;225310&quot;&gt;&lt;property id=&quot;20148&quot; value=&quot;5&quot;/&gt;&lt;property id=&quot;20300&quot; value=&quot;スライド 3 - &amp;quot;1. インターネットの情報は正しいの？&amp;quot;&quot;/&gt;&lt;property id=&quot;20307&quot; value=&quot;296&quot;/&gt;&lt;/object&gt;&lt;object type=&quot;3&quot; unique_id=&quot;225311&quot;&gt;&lt;property id=&quot;20148&quot; value=&quot;5&quot;/&gt;&lt;property id=&quot;20300&quot; value=&quot;スライド 4 - &amp;quot;1. インターネットの情報は正しいの？&amp;quot;&quot;/&gt;&lt;property id=&quot;20307&quot; value=&quot;297&quot;/&gt;&lt;/object&gt;&lt;object type=&quot;3&quot; unique_id=&quot;225312&quot;&gt;&lt;property id=&quot;20148&quot; value=&quot;5&quot;/&gt;&lt;property id=&quot;20300&quot; value=&quot;スライド 5 - &amp;quot;1. インターネットの情報は正しいの？&amp;quot;&quot;/&gt;&lt;property id=&quot;20307&quot; value=&quot;298&quot;/&gt;&lt;/object&gt;&lt;object type=&quot;3&quot; unique_id=&quot;225313&quot;&gt;&lt;property id=&quot;20148&quot; value=&quot;5&quot;/&gt;&lt;property id=&quot;20300&quot; value=&quot;スライド 6 - &amp;quot;1. インターネットの情報は正しいの？&amp;quot;&quot;/&gt;&lt;property id=&quot;20307&quot; value=&quot;299&quot;/&gt;&lt;/object&gt;&lt;object type=&quot;3&quot; unique_id=&quot;225314&quot;&gt;&lt;property id=&quot;20148&quot; value=&quot;5&quot;/&gt;&lt;property id=&quot;20300&quot; value=&quot;スライド 8 - &amp;quot;2. ネットのイラストはだれのもの？&amp;quot;&quot;/&gt;&lt;property id=&quot;20307&quot; value=&quot;300&quot;/&gt;&lt;/object&gt;&lt;object type=&quot;3&quot; unique_id=&quot;225315&quot;&gt;&lt;property id=&quot;20148&quot; value=&quot;5&quot;/&gt;&lt;property id=&quot;20300&quot; value=&quot;スライド 9 - &amp;quot;2. ネットのイラストはだれのもの？&amp;quot;&quot;/&gt;&lt;property id=&quot;20307&quot; value=&quot;301&quot;/&gt;&lt;/object&gt;&lt;object type=&quot;3&quot; unique_id=&quot;225316&quot;&gt;&lt;property id=&quot;20148&quot; value=&quot;5&quot;/&gt;&lt;property id=&quot;20300&quot; value=&quot;スライド 10 - &amp;quot;2. ネットのイラストはだれのもの？&amp;quot;&quot;/&gt;&lt;property id=&quot;20307&quot; value=&quot;302&quot;/&gt;&lt;/object&gt;&lt;object type=&quot;3&quot; unique_id=&quot;225317&quot;&gt;&lt;property id=&quot;20148&quot; value=&quot;5&quot;/&gt;&lt;property id=&quot;20300&quot; value=&quot;スライド 11 - &amp;quot;2. ネットのイラストはだれのもの？&amp;quot;&quot;/&gt;&lt;property id=&quot;20307&quot; value=&quot;303&quot;/&gt;&lt;/object&gt;&lt;object type=&quot;3&quot; unique_id=&quot;225318&quot;&gt;&lt;property id=&quot;20148&quot; value=&quot;5&quot;/&gt;&lt;property id=&quot;20300&quot; value=&quot;スライド 13 - &amp;quot;3. 名前、住所、写真を公開しない&amp;quot;&quot;/&gt;&lt;property id=&quot;20307&quot; value=&quot;304&quot;/&gt;&lt;/object&gt;&lt;object type=&quot;3&quot; unique_id=&quot;225319&quot;&gt;&lt;property id=&quot;20148&quot; value=&quot;5&quot;/&gt;&lt;property id=&quot;20300&quot; value=&quot;スライド 14 - &amp;quot;3. 名前、住所、写真を公開しない&amp;quot;&quot;/&gt;&lt;property id=&quot;20307&quot; value=&quot;305&quot;/&gt;&lt;/object&gt;&lt;object type=&quot;3&quot; unique_id=&quot;225320&quot;&gt;&lt;property id=&quot;20148&quot; value=&quot;5&quot;/&gt;&lt;property id=&quot;20300&quot; value=&quot;スライド 16 - &amp;quot;3. 名前、住所、写真を公開しない&amp;quot;&quot;/&gt;&lt;property id=&quot;20307&quot; value=&quot;306&quot;/&gt;&lt;/object&gt;&lt;object type=&quot;3&quot; unique_id=&quot;225321&quot;&gt;&lt;property id=&quot;20148&quot; value=&quot;5&quot;/&gt;&lt;property id=&quot;20300&quot; value=&quot;スライド 17 - &amp;quot;3. 名前、住所、写真を公開しない&amp;quot;&quot;/&gt;&lt;property id=&quot;20307&quot; value=&quot;307&quot;/&gt;&lt;/object&gt;&lt;object type=&quot;3&quot; unique_id=&quot;225322&quot;&gt;&lt;property id=&quot;20148&quot; value=&quot;5&quot;/&gt;&lt;property id=&quot;20300&quot; value=&quot;スライド 19 - &amp;quot;4. 知らない人からのメール&amp;quot;&quot;/&gt;&lt;property id=&quot;20307&quot; value=&quot;308&quot;/&gt;&lt;/object&gt;&lt;object type=&quot;3&quot; unique_id=&quot;225323&quot;&gt;&lt;property id=&quot;20148&quot; value=&quot;5&quot;/&gt;&lt;property id=&quot;20300&quot; value=&quot;スライド 20 - &amp;quot;4. 知らない人からのメール&amp;quot;&quot;/&gt;&lt;property id=&quot;20307&quot; value=&quot;309&quot;/&gt;&lt;/object&gt;&lt;object type=&quot;3&quot; unique_id=&quot;225324&quot;&gt;&lt;property id=&quot;20148&quot; value=&quot;5&quot;/&gt;&lt;property id=&quot;20300&quot; value=&quot;スライド 21 - &amp;quot;4. 知らない人からのメール&amp;quot;&quot;/&gt;&lt;property id=&quot;20307&quot; value=&quot;310&quot;/&gt;&lt;/object&gt;&lt;object type=&quot;3&quot; unique_id=&quot;225325&quot;&gt;&lt;property id=&quot;20148&quot; value=&quot;5&quot;/&gt;&lt;property id=&quot;20300&quot; value=&quot;スライド 22 - &amp;quot;4. 知らない人からのメール&amp;quot;&quot;/&gt;&lt;property id=&quot;20307&quot; value=&quot;311&quot;/&gt;&lt;/object&gt;&lt;object type=&quot;3&quot; unique_id=&quot;225524&quot;&gt;&lt;property id=&quot;20148&quot; value=&quot;5&quot;/&gt;&lt;property id=&quot;20300&quot; value=&quot;スライド 1 - &amp;quot;情報モラル教育&amp;quot;&quot;/&gt;&lt;property id=&quot;20307&quot; value=&quot;313&quot;/&gt;&lt;/object&gt;&lt;object type=&quot;3&quot; unique_id=&quot;228223&quot;&gt;&lt;property id=&quot;20148&quot; value=&quot;5&quot;/&gt;&lt;property id=&quot;20300&quot; value=&quot;スライド 12 - &amp;quot;第3話 名前、住所、写真を 公開しない&amp;quot;&quot;/&gt;&lt;property id=&quot;20307&quot; value=&quot;316&quot;/&gt;&lt;/object&gt;&lt;object type=&quot;3&quot; unique_id=&quot;228225&quot;&gt;&lt;property id=&quot;20148&quot; value=&quot;5&quot;/&gt;&lt;property id=&quot;20300&quot; value=&quot;スライド 23 - &amp;quot;第5話 パスワード管理&amp;quot;&quot;/&gt;&lt;property id=&quot;20307&quot; value=&quot;318&quot;/&gt;&lt;/object&gt;&lt;object type=&quot;3&quot; unique_id=&quot;228227&quot;&gt;&lt;property id=&quot;20148&quot; value=&quot;5&quot;/&gt;&lt;property id=&quot;20300&quot; value=&quot;スライド 34 - &amp;quot;第7話 インターネットを 使うときのルール&amp;quot;&quot;/&gt;&lt;property id=&quot;20307&quot; value=&quot;320&quot;/&gt;&lt;/object&gt;&lt;object type=&quot;3&quot; unique_id=&quot;228228&quot;&gt;&lt;property id=&quot;20148&quot; value=&quot;5&quot;/&gt;&lt;property id=&quot;20300&quot; value=&quot;スライド 40 - &amp;quot;第8話 ネットゲームの 　やり過ぎはダメ！ 　（有料アイテム）&amp;quot;&quot;/&gt;&lt;property id=&quot;20307&quot; value=&quot;321&quot;/&gt;&lt;/object&gt;&lt;object type=&quot;3&quot; unique_id=&quot;228769&quot;&gt;&lt;property id=&quot;20148&quot; value=&quot;5&quot;/&gt;&lt;property id=&quot;20300&quot; value=&quot;スライド 15 - &amp;quot;3. 名前、住所、写真を公開しない&amp;quot;&quot;/&gt;&lt;property id=&quot;20307&quot; value=&quot;323&quot;/&gt;&lt;/object&gt;&lt;object type=&quot;3&quot; unique_id=&quot;230173&quot;&gt;&lt;property id=&quot;20148&quot; value=&quot;5&quot;/&gt;&lt;property id=&quot;20300&quot; value=&quot;スライド 2 - &amp;quot;第1話 インターネットの 情報は正しいの？&amp;quot;&quot;/&gt;&lt;property id=&quot;20307&quot; value=&quot;325&quot;/&gt;&lt;/object&gt;&lt;object type=&quot;3&quot; unique_id=&quot;230789&quot;&gt;&lt;property id=&quot;20148&quot; value=&quot;5&quot;/&gt;&lt;property id=&quot;20300&quot; value=&quot;スライド 18 - &amp;quot;第4話  知らない人からの メール&amp;quot;&quot;/&gt;&lt;property id=&quot;20307&quot; value=&quot;328&quot;/&gt;&lt;/object&gt;&lt;object type=&quot;3&quot; unique_id=&quot;230790&quot;&gt;&lt;property id=&quot;20148&quot; value=&quot;5&quot;/&gt;&lt;property id=&quot;20300&quot; value=&quot;スライド 28 - &amp;quot;第6話 悪口を書かない&amp;quot;&quot;/&gt;&lt;property id=&quot;20307&quot; value=&quot;329&quot;/&gt;&lt;/object&gt;&lt;object type=&quot;3&quot; unique_id=&quot;231045&quot;&gt;&lt;property id=&quot;20148&quot; value=&quot;5&quot;/&gt;&lt;property id=&quot;20300&quot; value=&quot;スライド 7 - &amp;quot;第2話 ネットのイラストは だれのもの？&amp;quot;&quot;/&gt;&lt;property id=&quot;20307&quot; value=&quot;330&quot;/&gt;&lt;/object&gt;&lt;object type=&quot;3&quot; unique_id=&quot;495021&quot;&gt;&lt;property id=&quot;20148&quot; value=&quot;5&quot;/&gt;&lt;property id=&quot;20300&quot; value=&quot;スライド 47 - &amp;quot;第9話 チケットの転売は いけないの？&amp;quot;&quot;/&gt;&lt;property id=&quot;20307&quot; value=&quot;331&quot;/&gt;&lt;/object&gt;&lt;object type=&quot;3&quot; unique_id=&quot;495022&quot;&gt;&lt;property id=&quot;20148&quot; value=&quot;5&quot;/&gt;&lt;property id=&quot;20300&quot; value=&quot;スライド 48 - &amp;quot;9. チケットの転売はいけないの？&amp;quot;&quot;/&gt;&lt;property id=&quot;20307&quot; value=&quot;332&quot;/&gt;&lt;/object&gt;&lt;object type=&quot;3&quot; unique_id=&quot;495023&quot;&gt;&lt;property id=&quot;20148&quot; value=&quot;5&quot;/&gt;&lt;property id=&quot;20300&quot; value=&quot;スライド 49 - &amp;quot;9. チケットの転売はいけないの？&amp;quot;&quot;/&gt;&lt;property id=&quot;20307&quot; value=&quot;333&quot;/&gt;&lt;/object&gt;&lt;object type=&quot;3&quot; unique_id=&quot;495024&quot;&gt;&lt;property id=&quot;20148&quot; value=&quot;5&quot;/&gt;&lt;property id=&quot;20300&quot; value=&quot;スライド 50 - &amp;quot;9. チケットの転売はいけないの？&amp;quot;&quot;/&gt;&lt;property id=&quot;20307&quot; value=&quot;334&quot;/&gt;&lt;/object&gt;&lt;object type=&quot;3&quot; unique_id=&quot;495025&quot;&gt;&lt;property id=&quot;20148&quot; value=&quot;5&quot;/&gt;&lt;property id=&quot;20300&quot; value=&quot;スライド 51 - &amp;quot;9. チケットの転売はいけないの？&amp;quot;&quot;/&gt;&lt;property id=&quot;20307&quot; value=&quot;335&quot;/&gt;&lt;/object&gt;&lt;object type=&quot;3&quot; unique_id=&quot;495026&quot;&gt;&lt;property id=&quot;20148&quot; value=&quot;5&quot;/&gt;&lt;property id=&quot;20300&quot; value=&quot;スライド 52 - &amp;quot;9. チケットの転売はいけないの？&amp;quot;&quot;/&gt;&lt;property id=&quot;20307&quot; value=&quot;336&quot;/&gt;&lt;/object&gt;&lt;object type=&quot;3&quot; unique_id=&quot;495027&quot;&gt;&lt;property id=&quot;20148&quot; value=&quot;5&quot;/&gt;&lt;property id=&quot;20300&quot; value=&quot;スライド 53 - &amp;quot;第10話 フィルタリングで 何を守ってくれているの？&amp;quot;&quot;/&gt;&lt;property id=&quot;20307&quot; value=&quot;337&quot;/&gt;&lt;/object&gt;&lt;object type=&quot;3&quot; unique_id=&quot;495028&quot;&gt;&lt;property id=&quot;20148&quot; value=&quot;5&quot;/&gt;&lt;property id=&quot;20300&quot; value=&quot;スライド 54 - &amp;quot;10. フィルタリングで何を守ってくれているの？&amp;quot;&quot;/&gt;&lt;property id=&quot;20307&quot; value=&quot;338&quot;/&gt;&lt;/object&gt;&lt;object type=&quot;3&quot; unique_id=&quot;495029&quot;&gt;&lt;property id=&quot;20148&quot; value=&quot;5&quot;/&gt;&lt;property id=&quot;20300&quot; value=&quot;スライド 55 - &amp;quot;10. フィルタリングで何を守ってくれているの？&amp;quot;&quot;/&gt;&lt;property id=&quot;20307&quot; value=&quot;339&quot;/&gt;&lt;/object&gt;&lt;object type=&quot;3&quot; unique_id=&quot;495030&quot;&gt;&lt;property id=&quot;20148&quot; value=&quot;5&quot;/&gt;&lt;property id=&quot;20300&quot; value=&quot;スライド 56 - &amp;quot;10. フィルタリングで何を守ってくれているの？&amp;quot;&quot;/&gt;&lt;property id=&quot;20307&quot; value=&quot;340&quot;/&gt;&lt;/object&gt;&lt;object type=&quot;3&quot; unique_id=&quot;495031&quot;&gt;&lt;property id=&quot;20148&quot; value=&quot;5&quot;/&gt;&lt;property id=&quot;20300&quot; value=&quot;スライド 57 - &amp;quot;10. フィルタリングで何を守ってくれているの？&amp;quot;&quot;/&gt;&lt;property id=&quot;20307&quot; value=&quot;341&quot;/&gt;&lt;/object&gt;&lt;object type=&quot;3&quot; unique_id=&quot;495032&quot;&gt;&lt;property id=&quot;20148&quot; value=&quot;5&quot;/&gt;&lt;property id=&quot;20300&quot; value=&quot;スライド 58 - &amp;quot;第11話 ウイルスに 感染（かんせん）してしまったら？&amp;quot;&quot;/&gt;&lt;property id=&quot;20307&quot; value=&quot;342&quot;/&gt;&lt;/object&gt;&lt;object type=&quot;3&quot; unique_id=&quot;495033&quot;&gt;&lt;property id=&quot;20148&quot; value=&quot;5&quot;/&gt;&lt;property id=&quot;20300&quot; value=&quot;スライド 59 - &amp;quot;11. ウイルスに感染してしまったら？&amp;quot;&quot;/&gt;&lt;property id=&quot;20307&quot; value=&quot;343&quot;/&gt;&lt;/object&gt;&lt;object type=&quot;3&quot; unique_id=&quot;495034&quot;&gt;&lt;property id=&quot;20148&quot; value=&quot;5&quot;/&gt;&lt;property id=&quot;20300&quot; value=&quot;スライド 60 - &amp;quot;11. ウイルスに感染してしまったら？&amp;quot;&quot;/&gt;&lt;property id=&quot;20307&quot; value=&quot;344&quot;/&gt;&lt;/object&gt;&lt;object type=&quot;3&quot; unique_id=&quot;495035&quot;&gt;&lt;property id=&quot;20148&quot; value=&quot;5&quot;/&gt;&lt;property id=&quot;20300&quot; value=&quot;スライド 61 - &amp;quot;11. ウイルスに感染してしまったら？&amp;quot;&quot;/&gt;&lt;property id=&quot;20307&quot; value=&quot;345&quot;/&gt;&lt;/object&gt;&lt;object type=&quot;3&quot; unique_id=&quot;495036&quot;&gt;&lt;property id=&quot;20148&quot; value=&quot;5&quot;/&gt;&lt;property id=&quot;20300&quot; value=&quot;スライド 62 - &amp;quot;11. ウイルスに感染してしまったら？&amp;quot;&quot;/&gt;&lt;property id=&quot;20307&quot; value=&quot;346&quot;/&gt;&lt;/object&gt;&lt;object type=&quot;3&quot; unique_id=&quot;495037&quot;&gt;&lt;property id=&quot;20148&quot; value=&quot;5&quot;/&gt;&lt;property id=&quot;20300&quot; value=&quot;スライド 63 - &amp;quot;第12話  ネットオークションや フリマアプリで トラブルにあったら？&amp;quot;&quot;/&gt;&lt;property id=&quot;20307&quot; value=&quot;347&quot;/&gt;&lt;/object&gt;&lt;object type=&quot;3&quot; unique_id=&quot;495038&quot;&gt;&lt;property id=&quot;20148&quot; value=&quot;5&quot;/&gt;&lt;property id=&quot;20300&quot; value=&quot;スライド 64 - &amp;quot;12.ネットオークションやフリマアプリでトラブルにあったら？&amp;quot;&quot;/&gt;&lt;property id=&quot;20307&quot; value=&quot;348&quot;/&gt;&lt;/object&gt;&lt;object type=&quot;3&quot; unique_id=&quot;495039&quot;&gt;&lt;property id=&quot;20148&quot; value=&quot;5&quot;/&gt;&lt;property id=&quot;20300&quot; value=&quot;スライド 65 - &amp;quot;12.ネットオークションやフリマアプリでトラブルにあったら？&amp;quot;&quot;/&gt;&lt;property id=&quot;20307&quot; value=&quot;349&quot;/&gt;&lt;/object&gt;&lt;object type=&quot;3&quot; unique_id=&quot;495040&quot;&gt;&lt;property id=&quot;20148&quot; value=&quot;5&quot;/&gt;&lt;property id=&quot;20300&quot; value=&quot;スライド 66 - &amp;quot;12.ネットオークションやフリマアプリでトラブルにあったら？&amp;quot;&quot;/&gt;&lt;property id=&quot;20307&quot; value=&quot;350&quot;/&gt;&lt;/object&gt;&lt;object type=&quot;3&quot; unique_id=&quot;495041&quot;&gt;&lt;property id=&quot;20148&quot; value=&quot;5&quot;/&gt;&lt;property id=&quot;20300&quot; value=&quot;スライド 67 - &amp;quot;12.ネットオークションやフリマアプリでトラブルにあったら？&amp;quot;&quot;/&gt;&lt;property id=&quot;20307&quot; value=&quot;351&quot;/&gt;&lt;/object&gt;&lt;/object&gt;&lt;object type=&quot;8&quot; unique_id=&quot;215459&quot;&gt;&lt;/object&gt;&lt;/object&gt;&lt;/database&gt;"/>
  <p:tag name="ISPRING_UUID" val="{45A6E4AE-7A1F-4D8E-ACC7-2C1BB4298570}"/>
  <p:tag name="ISPRING_RESOURCE_FOLDER" val="D:\_プロジェクト\201711_徳島第3弾\05_fla\情報モラル教育 小学生向け第1話～12話_20180301\"/>
  <p:tag name="ISPRING_PRESENTATION_PATH" val="D:\_プロジェクト\201711_徳島第3弾\05_fla\情報モラル教育 小学生向け第1話～12話_20180301.pptx"/>
  <p:tag name="ISPRING_SCREEN_RECS_UPDATED" val="D:\_プロジェクト\201711_徳島第3弾\05_fla\情報モラル教育 小学生向け第1話～12話_20180301"/>
  <p:tag name="ISPRING_ULTRA_SCORM_SLIDE_COUNT" val="1"/>
  <p:tag name="SECTOMILLISECCONVERTED" val="1"/>
  <p:tag name="ARTICULATE_SLIDE_COUNT" val="90"/>
  <p:tag name="ISPRING_RESOURCE_PATHS_HASH_PRESENTER" val="94cf2dea89bdb6e3d8d243bea5160be3173b8"/>
  <p:tag name="ARTICULATE_PROJECT_OPEN" val="0"/>
  <p:tag name="ISPRING-SUITE_ISPRING_CURRENT_PLAYER_ID" val="universal"/>
  <p:tag name="ISPRING_PRESENTATION_COURSE_TITLE" val="情報モラル教育 小学生向け"/>
  <p:tag name="ISPRING_LMS_API_VERSION" val="SCORM 2004 (4th edition)"/>
  <p:tag name="ISPRING_ULTRA_SCORM_COURCE_TITLE" val="情報モラル教育　小学校低学年　第13話"/>
  <p:tag name="ISPRING_CMI5_LAUNCH_METHOD" val="any window"/>
  <p:tag name="ISPRINGCLOUDFOLDERID" val="1"/>
  <p:tag name="ISPRINGONLINEFOLDERID" val="1"/>
  <p:tag name="ISPRING_OUTPUT_FOLDER" val="[[&quot;\uFFFD\\\uFFFD{C8200F90-E3A9-4BA9-88CD-9E9515C25619}&quot;,&quot;C:\\Users\\s-shirochika\\Documents\\01_job\\202210_徳島\\05_iSpring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PASSING_SCORE" val="20.000000"/>
  <p:tag name="ISPRING_PRESENTATION_TITLE" val="情報モラル教育　小学校低学年　第13話"/>
  <p:tag name="ISPRING-SUITE_ISPRING_PLAYERS_CUSTOMIZATION_2" val="{&quot;universal&quot;:{&quot;skinSettings&quot;:{&quot;borderRadius&quot;:10,&quot;colors&quot;:{&quot;asideBackground&quot;:{&quot;color&quot;:&quot;#FFFFFF&quot;,&quot;opacity&quot;:1,&quot;type&quot;:&quot;SOLID&quot;},&quot;asideElementBackgroundActive&quot;:{&quot;color&quot;:&quot;#398549&quot;,&quot;opacity&quot;:1,&quot;type&quot;:&quot;SOLID&quot;},&quot;asideElementBackgroundHover&quot;:{&quot;color&quot;:&quot;#BDFFA4&quot;,&quot;opacity&quot;:1,&quot;type&quot;:&quot;SOLID&quot;},&quot;asideElementText&quot;:{&quot;color&quot;:&quot;#727272&quot;,&quot;opacity&quot;:1,&quot;type&quot;:&quot;SOLID&quot;},&quot;asideElementTextActive&quot;:{&quot;color&quot;:&quot;#FFFFFF&quot;,&quot;opacity&quot;:1,&quot;type&quot;:&quot;SOLID&quot;},&quot;asideElementTextHover&quot;:{&quot;color&quot;:&quot;#4D4D4D&quot;,&quot;opacity&quot;:1,&quot;type&quot;:&quot;SOLID&quot;},&quot;asideLogoBackground&quot;:{&quot;color&quot;:&quot;#FFFFFF&quot;,&quot;opacity&quot;:1,&quot;type&quot;:&quot;SOLID&quot;},&quot;pageBackground&quot;:{&quot;color&quot;:&quot;#B2C4B2&quot;,&quot;opacity&quot;:1,&quot;type&quot;:&quot;SOLID&quot;},&quot;playerBackground&quot;:{&quot;color&quot;:&quot;#E2EBE2&quot;,&quot;opacity&quot;:1,&quot;type&quot;:&quot;SOLID&quot;},&quot;playerText&quot;:{&quot;color&quot;:&quot;#4D4D4D&quot;,&quot;opacity&quot;:1,&quot;type&quot;:&quot;SOLID&quot;},&quot;primaryButtonBackground&quot;:{&quot;color&quot;:&quot;#209B35&quot;,&quot;opacity&quot;:1,&quot;type&quot;:&quot;SOLID&quot;},&quot;primaryButtonBackgroundHover&quot;:{&quot;color&quot;:&quot;#25B73E&quot;,&quot;opacity&quot;:1,&quot;type&quot;:&quot;SOLID&quot;},&quot;primaryButtonBorder&quot;:{&quot;color&quot;:&quot;#209B35&quot;,&quot;opacity&quot;:1,&quot;type&quot;:&quot;SOLID&quot;},&quot;primaryButtonBorderHover&quot;:{&quot;color&quot;:&quot;#25B73E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209B35&quot;,&quot;opacity&quot;:1,&quot;type&quot;:&quot;SOLID&quot;},&quot;secondaryButtonBackgroundHover&quot;:{&quot;color&quot;:&quot;#25B73E&quot;,&quot;opacity&quot;:1,&quot;type&quot;:&quot;SOLID&quot;},&quot;secondaryButtonBorder&quot;:{&quot;color&quot;:&quot;#209B35&quot;,&quot;opacity&quot;:1,&quot;type&quot;:&quot;SOLID&quot;},&quot;secondaryButtonBorderHover&quot;:{&quot;color&quot;:&quot;#25B73E&quot;,&quot;opacity&quot;:1,&quot;type&quot;:&quot;SOLID&quot;},&quot;secondaryButtonText&quot;:{&quot;color&quot;:&quot;#FFFFFF&quot;,&quot;opacity&quot;:1,&quot;type&quot;:&quot;SOLID&quot;},&quot;secondaryButtonTextHover&quot;:{&quot;color&quot;:&quot;#FFFFFF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true,&quot;showPlayPause&quot;:true,&quot;showPlaybackRateButton&quot;:false,&quot;showPrevButton&quot;:true,&quot;showRewind&quot;:true,&quot;showSlideNumbers&quot;:true,&quot;showSlideOnlyButton&quot;:true,&quot;showVolumeControl&quot;:false,&quot;visible&quot;:true},&quot;fontFamily&quot;:&quot;Meiryo UI&quot;,&quot;miniskinCustomizationEnabled&quot;:true,&quot;outlinePanel&quot;:{&quot;highlightViewedEntries&quot;:true,&quot;multilevel&quot;:true,&quot;numberEntries&quot;:fals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],&quot;buttonsAtLeft&quot;:true,&quot;courseTitleVisible&quot;:false,&quot;showLogo&quot;:false,&quot;visible&quot;:false},&quot;version&quot;:&quot;1.0&quot;},&quot;skinMessages&quot;:{&quot;PB_ACCESSIBLE_ARIA_LABEL_BACK_TO_BEGIN&quot;:&quot;スライドの最初に戻る&quot;,&quot;PB_ACCESSIBLE_ARIA_LABEL_BOTTOM_PANEL&quot;:&quot;ボトムバー&quot;,&quot;PB_ACCESSIBLE_ARIA_LABEL_NAVIGATION_BUTTONS&quot;:&quot;ナビゲーションボタン&quot;,&quot;PB_ACCESSIBLE_ARIA_LABEL_SETTINGS&quot;:&quot;アクセシビリティの設定&quot;,&quot;PB_ACCESSIBLE_ARIA_LABEL_SLIDE&quot;:&quot;スライド&quot;,&quot;PB_ACCESSIBLE_ARIA_LABEL_TOP_PANEL&quot;:&quot;トップバー&quot;,&quot;PB_ACCESSIBLE_AUDIO_NARRATION_LABEL&quot;:&quot;音声ナレーション&quot;,&quot;PB_ACCESSIBLE_NAVIGATION_NEXT_BUTTON&quot;:&quot;次へ&quot;,&quot;PB_ACCESSIBLE_NAVIGATION_PREV_BUTTON&quot;:&quot;前&quot;,&quot;PB_ACCESSIBLE_PLAYER_SCENARIO_NOT_SUPPORTED&quot;:&quot;このシミュレーションは、アクセシビリティモードに対応していません&quot;,&quot;PB_ACCESSIBLE_SKIN_ENABLE_ACCESSIBILITY_MODE&quot;:&quot;アクセシビリティモードをオンにする&quot;,&quot;PB_ACCESSIBLE_SKIN_ENABLE_NORMAL_MODE&quot;:&quot;アクセシビリティモードをオフにする&quot;,&quot;PB_ACCESSIBLE_SKIN_PRESENTER_PHOTO&quot;:&quot;プレゼンター写真&quot;,&quot;PB_ACCESSIBLE_SLIDE_N_OF_COUNT&quot;:&quot;スライド%SLIDE_NUMBER%\/%TOTAL_SLIDES%&quot;,&quot;PB_ACCESSIBLE_VIDEO_NARRATION_LABEL&quot;:&quot;ビデオナレーション&quot;,&quot;PB_ACCESSIBLE_WATERMARK_SKIN_CREATED_WITH&quot;:&quot;iSpring評価版で作成&quot;,&quot;PB_ATTACHMENT_DOCUMENT_SUBTITLE&quot;:&quot;文書&quot;,&quot;PB_ATTACHMENT_FILE_SUBTITLE&quot;:&quot;ファイル&quot;,&quot;PB_ATTACHMENT_IMAGE_SUBTITLE&quot;:&quot;画像&quot;,&quot;PB_ATTACHMENT_LINK_SUBTITLE&quot;:&quot;リンク&quot;,&quot;PB_ATTACHMENT_VIDEO_SUBTITLE&quot;:&quot;ビデオ&quot;,&quot;PB_BACK_TO_APP_BUTTON_LABEL&quot;:&quot;戻る&quot;,&quot;PB_CC_MENU_OFF&quot;:&quot;オフ&quot;,&quot;PB_CC_MENU_ON&quot;:&quot;オン&quot;,&quot;PB_CC_MENU_TITLE&quot;:&quot;メモ&quot;,&quot;PB_COMPANY_LOGO_BIG&quot;:&quot;企業ロゴ(268x156)&quot;,&quot;PB_COMPANY_LOGO_SMALL&quot;:&quot;企業ロゴ (268x50)&quot;,&quot;PB_CONTROL_PANEL_EXIT_FULL_SCREEN&quot;:&quot;フルスクリーンを終了&quot;,&quot;PB_CONTROL_PANEL_FULL_SCREEN&quot;:&quot;フルスクリーン&quot;,&quot;PB_CONTROL_PANEL_NEXT&quot;:&quot;次へ&quot;,&quot;PB_CONTROL_PANEL_OUTLINE&quot;:&quot;目次&quot;,&quot;PB_CONTROL_PANEL_PREV&quot;:&quot;前へ&quot;,&quot;PB_CONTROL_PANEL_REPLAY&quot;:&quot;リプレイ&quot;,&quot;PB_CONTROL_PANEL_SLIDE_COUNTER&quot;:&quot;%SLIDE_NUMBER%\/%TOTAL_SLIDES%&quot;,&quot;PB_CONTROL_PANEL_VOLUME_CONTROL&quot;:&quot;ボリューム:&quot;,&quot;PB_CURRENT_SLIDE_IS_NOT_COMPLETED&quot;:&quot;全てのスライドを見てください&quot;,&quot;PB_DOMAIN_RESTRICTION&quot;:&quot;プレゼンテーションの制作者がこのドメインからの閲覧を無効にしました。申し訳ございません。&quot;,&quot;PB_DOWNLOAD_APP_MESSAGE&quot;:&quot;このプレゼンテーションをビデオでご覧になるには、iOSアプリケーション「iSpring Play」（無料）をダウンロードしてください。&quot;,&quot;PB_DRAWING_TOOLS_END_DRAWING&quot;:&quot;ドローイングの終了&quot;,&quot;PB_DRAWING_TOOLS_ERASER&quot;:&quot;消しゴム&quot;,&quot;PB_DRAWING_TOOLS_ERASE_ALL&quot;:&quot;全て消去&quot;,&quot;PB_DRAWING_TOOLS_HIGHLIGHTER&quot;:&quot;ハイライト&quot;,&quot;PB_DRAWING_TOOLS_PEN&quot;:&quot;ペン&quot;,&quot;PB_ENTER_PASSWORD&quot;:&quot;プレゼンテーションを見るにはパスワードを入力します&quot;,&quot;PB_INCORRECT_PASSWORD&quot;:&quot;パスワードが正しくありません&quot;,&quot;PB_INTERACTION_SLIDE_WINDOW_TEXT&quot;:&quot;このスライドを離れる前に、インタラクションを完了させる必要があります。&quot;,&quot;PB_LAUNCH_BTN_LABEL&quot;:&quot;起動&quot;,&quot;PB_LAUNCH_IN_APP_MESSAGE&quot;:&quot;ビデオでご覧になる場合は、iSpring Playをご利用ください。&quot;,&quot;PB_MESSAGE_BOX_NO&quot;:&quot;いいえ&quot;,&quot;PB_MESSAGE_BOX_OK&quot;:&quot;OK&quot;,&quot;PB_MESSAGE_BOX_YES&quot;:&quot;はい&quot;,&quot;PB_NAVIGATION_IS_RESTRICTED&quot;:&quot;参照済スライドのみにアクセス可能&quot;,&quot;PB_NAVIGATION_IS_SEQUENTIAL&quot;:&quot;スライドは規定の順序で参照してください&quot;,&quot;PB_PLAYBACK_RATE_MENU_CAPTION&quot;:&quot;速度&quot;,&quot;PB_PRECEDING_QUIZ_FAILED_WINDOW_TEXT&quot;:&quot;スライド %SLIDE_INDEX% の問題が不正解のため、先に進めません。&quot;,&quot;PB_PRECEDING_QUIZ_NOT_COMPLETED_WINDOW_TEXT&quot;:&quot;先に進むには、スライド %SLIDE_INDEX% の問題に解答してください。&quot;,&quot;PB_PRECEDING_QUIZ_NOT_PASSED_WINDOW_TEXT&quot;:&quot;先に進むには、スライド %SLIDE_INDEX% の問題を正解する必要があります。&quot;,&quot;PB_PRECEDING_SCENARIO_FAILED_WINDOW_TEXT&quot;:&quot;スライド %SLIDE_INDEX% の対話に失格しましたので進めません&quot;,&quot;PB_PRECEDING_SCENARIO_NOT_COMPLETED_WINDOW_TEXT&quot;:&quot;進めるにはスライド %SLIDE_INDEX% で対話をしなければなりません&quot;,&quot;PB_PRECEDING_SCENARIO_NOT_PASSED_WINDOW_TEXT&quot;:&quot;進めるにはスライド %SLIDE_INDEX% の対話に合格しなければなりません&quot;,&quot;PB_PRESENTER_COLLAPSE_BIO&quot;:&quot;少なく表示&quot;,&quot;PB_PRESENTER_EMAIL&quot;:&quot;電子メール&quot;,&quot;PB_PRESENTER_EXPAND_BIO&quot;:&quot;もっと表示&quot;,&quot;PB_PRESENTER_HIDE_BIO&quot;:&quot;隠す&quot;,&quot;PB_PRESENTER_INFO&quot;:&quot;プレゼンター情報&quot;,&quot;PB_PRESENTER_NO_INFO&quot;:&quot;プレゼンター情報がありません&quot;,&quot;PB_PRESENTER_SHOW_BIO&quot;:&quot;もっと見る&quot;,&quot;PB_PRESENTER_VIDEO&quot;:&quot;プレゼンター・ビデオ&quot;,&quot;PB_PRESENTER_WEBSITE&quot;:&quot;Web サイト&quot;,&quot;PB_QUIZ_SLIDE_WINDOW_TEXT&quot;:&quot;このスライドから移動する前に問題を完了してください。&quot;,&quot;PB_RATE_MENU_CAPTION&quot;:&quot;速度&quot;,&quot;PB_RATE_MENU_DEFAULT_RATE&quot;:&quot;普通&quot;,&quot;PB_RESTRICTION_MESSAGE_BOX_TITLE&quot;:&quot;操作が制限されています&quot;,&quot;PB_RESUME_PRESENTATION_WINDOW_TEXT&quot;:&quot;最後に見たスライドから再開しますか？&quot;,&quot;PB_RESUME_PRESENTATION_WINDOW_TITLE&quot;:&quot;プレゼンテーションの再開&quot;,&quot;PB_SCENARIO_SLIDE_WINDOW_TEXT&quot;:&quot;このスライドから移動する前に対話を完了させる必要があります。&quot;,&quot;PB_SEARCH_CANCEL&quot;:&quot;キャンセル&quot;,&quot;PB_SEARCH_NO_RESULTS_LABEL&quot;:&quot;マッチしません&quot;,&quot;PB_SEARCH_PANEL_DEFAULT_TEXT&quot;:&quot;検索...&quot;,&quot;PB_SEARCH_RESULTS_LABEL&quot;:&quot;検索結果：&quot;,&quot;PB_SEARCH_RESULT_IN_NOTES&quot;:&quot;メモで&quot;,&quot;PB_SEARCH_RESULT_IN_TEXT_LABEL&quot;:&quot;スライドで&quot;,&quot;PB_SUBTITLES_MENU_CAPTION&quot;:&quot;字幕&quot;,&quot;PB_SUBTITLES_OFF&quot;:&quot;オフ&quot;,&quot;PB_TAB_NOTES_LABEL&quot;:&quot;メモ&quot;,&quot;PB_TAB_OUTLINE_LABEL&quot;:&quot;目次&quot;,&quot;PB_TIME_RESTRICTION&quot;:&quot;プレゼンテーションの制作者が一時的に閲覧を無効にしました。申し訳ございません。&quot;,&quot;PB_TITLE_PANEL_ATTACHMENTS&quot;:&quot;リソース&quot;,&quot;PB_TITLE_PANEL_DEFAULT_COURSE_TITLE&quot;:&quot;コースタイトル例&quot;,&quot;PB_TITLE_PANEL_MARKER_TOOLS&quot;:&quot;マーカーツール&quot;,&quot;PB_TITLE_PANEL_NOTES&quot;:&quot;メモ&quot;,&quot;PB_TITLE_PANEL_OUTLINE&quot;:&quot;アウトライン&quot;,&quot;PB_TITLE_PANEL_PRESENTER_INFO&quot;:&quot;プレゼンター情報&quot;,&quot;PB_TOOLTIP_ADD_LOGO&quot;:&quot;クリックして企業ロゴを追加&quot;,&quot;PB_TOOLTIP_CHANGE_LOGO&quot;:&quot;クリックして企業ロゴを追加&quot;,&quot;PB_TREE_CONTROL_LOADING&quot;:&quot;ロード中…&quot;,&quot;PB_VIDEO_WINDOW_NO_VIDEO_LABEL&quot;:&quot;ビデオがありません&quot;},&quot;playbackAndNavigationSettings&quot;:{&quot;autoStart&quot;:true,&quot;saveAnimationStates&quot;:false,&quot;loopPresentation&quot;:false,&quot;autoPlayAnimations&quot;:false,&quot;autoPlayAnimationsTime&quot;:1,&quot;navigationType&quot;:&quot;FREE&quot;,&quot;resumeMode&quot;:&quot;PROMPT&quot;,&quot;enableKeyboardNavigation&quot;:false},&quot;keyboardSettings&quot;:&quot;&quot;,&quot;skinVersion&quot;:1,&quot;skinCompatibleVersion&quot;:0,&quot;publishSettings&quot;:{&quot;backgroundColor&quot;:&quot;#B2C4B2&quot;,&quot;playerDimensions&quot;:{&quot;height&quot;:7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&quot;,&quot;fontFamily&quot;:&quot;Meiryo UI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&quot;,&quot;fontFamily&quot;:&quot;Meiryo UI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i&quot;,&quot;fontFamily&quot;:&quot;Meiryo UI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i&quot;,&quot;fontFamily&quot;:&quot;Meiryo UI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&quot;,&quot;fontFamily&quot;:&quot;Meiryo UI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i&quot;,&quot;fontFamily&quot;:&quot;Meiryo UI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.00"/>
  <p:tag name="ISPRING_SLIDE_INDENT_LEVEL" val="0"/>
  <p:tag name="ISPRING_CUSTOM_TIMING_USED" val="0"/>
  <p:tag name="ARTICULATE_SLIDE_THUMBNAIL_REFRESH" val="1"/>
  <p:tag name="GENSWF_SLIDE_TITLE" val="第13話 写真をアップするときは"/>
  <p:tag name="GENSWF_SLIDE_UID" val="{8B022C44-F099-45AE-9DFD-97AA45BCBCE4}:353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8060690E-7179-439C-980E-393272AD615C}:35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32370576-EB1A-4A9D-BE32-0238F091F02D}:355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0E5BB5FB-F3F5-4CD1-8CB0-9F3CF52ED7AB}:356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92A0253B-55E8-42F4-B040-8E785936EA71}:357"/>
</p:tagLst>
</file>

<file path=ppt/theme/theme1.xml><?xml version="1.0" encoding="utf-8"?>
<a:theme xmlns:a="http://schemas.openxmlformats.org/drawingml/2006/main" name="Office テーマ">
  <a:themeElements>
    <a:clrScheme name="Office テーマ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テーマ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テーマ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95000"/>
          </a:schemeClr>
        </a:solidFill>
        <a:ln>
          <a:solidFill>
            <a:schemeClr val="tx1"/>
          </a:solidFill>
        </a:ln>
        <a:scene3d>
          <a:camera prst="orthographicFront">
            <a:rot lat="0" lon="0" rev="0"/>
          </a:camera>
          <a:lightRig rig="threePt" dir="t"/>
        </a:scene3d>
      </a:spPr>
      <a:bodyPr rtlCol="0" anchor="ctr"/>
      <a:lstStyle>
        <a:defPPr algn="ctr">
          <a:defRPr kumimoji="1" dirty="0"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none" rtlCol="0">
        <a:spAutoFit/>
      </a:bodyPr>
      <a:lstStyle>
        <a:defPPr algn="ctr">
          <a:defRPr sz="1200" b="1" dirty="0">
            <a:solidFill>
              <a:schemeClr val="bg1"/>
            </a:solidFill>
            <a:latin typeface="メイリオ" panose="020B0604030504040204" pitchFamily="50" charset="-128"/>
            <a:ea typeface="メイリオ" panose="020B0604030504040204" pitchFamily="50" charset="-128"/>
            <a:cs typeface="メイリオ" panose="020B0604030504040204" pitchFamily="50" charset="-128"/>
          </a:defRPr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​​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游ゴシック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游ゴシック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6268</TotalTime>
  <Words>388</Words>
  <Application>Microsoft Office PowerPoint</Application>
  <PresentationFormat>画面に合わせる (4:3)</PresentationFormat>
  <Paragraphs>84</Paragraphs>
  <Slides>5</Slides>
  <Notes>5</Notes>
  <HiddenSlides>0</HiddenSlides>
  <MMClips>0</MMClips>
  <ScaleCrop>false</ScaleCrop>
  <HeadingPairs>
    <vt:vector size="6" baseType="variant">
      <vt:variant>
        <vt:lpstr>使用されているフォント</vt:lpstr>
      </vt:variant>
      <vt:variant>
        <vt:i4>6</vt:i4>
      </vt:variant>
      <vt:variant>
        <vt:lpstr>テーマ</vt:lpstr>
      </vt:variant>
      <vt:variant>
        <vt:i4>1</vt:i4>
      </vt:variant>
      <vt:variant>
        <vt:lpstr>スライド タイトル</vt:lpstr>
      </vt:variant>
      <vt:variant>
        <vt:i4>5</vt:i4>
      </vt:variant>
    </vt:vector>
  </HeadingPairs>
  <TitlesOfParts>
    <vt:vector size="12" baseType="lpstr">
      <vt:lpstr>Meiryo UI</vt:lpstr>
      <vt:lpstr>メイリオ</vt:lpstr>
      <vt:lpstr>游ゴシック</vt:lpstr>
      <vt:lpstr>Arial</vt:lpstr>
      <vt:lpstr>Calibri</vt:lpstr>
      <vt:lpstr>Calibri Light</vt:lpstr>
      <vt:lpstr>Office テーマ</vt:lpstr>
      <vt:lpstr>だい13話  写真をアップ するときは</vt:lpstr>
      <vt:lpstr>13.写真をアップするときは</vt:lpstr>
      <vt:lpstr>13.写真をアップするときは</vt:lpstr>
      <vt:lpstr>13.写真をアップするときは</vt:lpstr>
      <vt:lpstr>13.写真をアップするときは</vt:lpstr>
    </vt:vector>
  </TitlesOfParts>
  <Company>MouseComputer PC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情報モラル教育　小学校低学年　第13話</dc:title>
  <cp:lastModifiedBy>城近 小夜子</cp:lastModifiedBy>
  <cp:revision>530</cp:revision>
  <cp:lastPrinted>2016-03-08T03:51:44Z</cp:lastPrinted>
  <dcterms:created xsi:type="dcterms:W3CDTF">2016-01-27T02:00:48Z</dcterms:created>
  <dcterms:modified xsi:type="dcterms:W3CDTF">2022-11-02T01:07:5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25C82281-62A0-45BF-B44E-D70073C3FE43</vt:lpwstr>
  </property>
  <property fmtid="{D5CDD505-2E9C-101B-9397-08002B2CF9AE}" pid="3" name="ArticulatePath">
    <vt:lpwstr>プレゼンテーション1</vt:lpwstr>
  </property>
</Properties>
</file>